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21\group\04_福祉介護人材グループ\02_介護員養成研修\001_【常】例規等\002_介護員養成研修事業指定要綱\R3介護員養成研修要綱改定（押印廃止）\03_手引き\確定版\211012_修正版\"/>
    </mc:Choice>
  </mc:AlternateContent>
  <bookViews>
    <workbookView xWindow="48" yWindow="-156" windowWidth="20100" windowHeight="7908" tabRatio="871"/>
  </bookViews>
  <sheets>
    <sheet name="事業者指定　チェック表" sheetId="1" r:id="rId1"/>
    <sheet name="研修指定　チェック表" sheetId="2" r:id="rId2"/>
    <sheet name="開講届　チェック表" sheetId="7" r:id="rId3"/>
    <sheet name="指定事項変更届　チェック表" sheetId="8" r:id="rId4"/>
    <sheet name="実績報告書　チェック表" sheetId="3" r:id="rId5"/>
    <sheet name="修了評価　内容確認" sheetId="5" r:id="rId6"/>
  </sheets>
  <definedNames>
    <definedName name="_xlnm.Print_Area" localSheetId="2">'開講届　チェック表'!$A$1:$J$34</definedName>
    <definedName name="_xlnm.Print_Area" localSheetId="1">'研修指定　チェック表'!$A$1:$G$69</definedName>
    <definedName name="_xlnm.Print_Area" localSheetId="3">'指定事項変更届　チェック表'!$A$1:$J$81</definedName>
    <definedName name="_xlnm.Print_Area" localSheetId="0">'事業者指定　チェック表'!$A$1:$G$32</definedName>
    <definedName name="_xlnm.Print_Area" localSheetId="4">'実績報告書　チェック表'!$A$1:$J$69</definedName>
    <definedName name="_xlnm.Print_Area" localSheetId="5">'修了評価　内容確認'!$A$1:$D$130</definedName>
    <definedName name="_xlnm.Print_Titles" localSheetId="2">'開講届　チェック表'!$13:$13</definedName>
    <definedName name="_xlnm.Print_Titles" localSheetId="1">'研修指定　チェック表'!$11:$11</definedName>
    <definedName name="_xlnm.Print_Titles" localSheetId="3">'指定事項変更届　チェック表'!$14:$14</definedName>
    <definedName name="_xlnm.Print_Titles" localSheetId="0">'事業者指定　チェック表'!$10:$10</definedName>
  </definedNames>
  <calcPr calcId="152511"/>
</workbook>
</file>

<file path=xl/calcChain.xml><?xml version="1.0" encoding="utf-8"?>
<calcChain xmlns="http://schemas.openxmlformats.org/spreadsheetml/2006/main">
  <c r="B130" i="5" l="1"/>
</calcChain>
</file>

<file path=xl/sharedStrings.xml><?xml version="1.0" encoding="utf-8"?>
<sst xmlns="http://schemas.openxmlformats.org/spreadsheetml/2006/main" count="1054" uniqueCount="508">
  <si>
    <t>チェック欄</t>
    <rPh sb="4" eb="5">
      <t>ラン</t>
    </rPh>
    <phoneticPr fontId="1"/>
  </si>
  <si>
    <t>注意点</t>
    <rPh sb="0" eb="3">
      <t>チュウイテン</t>
    </rPh>
    <phoneticPr fontId="1"/>
  </si>
  <si>
    <t>書類名</t>
    <rPh sb="0" eb="2">
      <t>ショルイ</t>
    </rPh>
    <rPh sb="2" eb="3">
      <t>メイ</t>
    </rPh>
    <phoneticPr fontId="1"/>
  </si>
  <si>
    <t>②</t>
    <phoneticPr fontId="1"/>
  </si>
  <si>
    <t>③</t>
    <phoneticPr fontId="1"/>
  </si>
  <si>
    <t>⑨</t>
    <phoneticPr fontId="1"/>
  </si>
  <si>
    <t>第1号様式</t>
    <rPh sb="0" eb="1">
      <t>ダイ</t>
    </rPh>
    <rPh sb="2" eb="3">
      <t>ゴウ</t>
    </rPh>
    <rPh sb="3" eb="5">
      <t>ヨウシキ</t>
    </rPh>
    <phoneticPr fontId="1"/>
  </si>
  <si>
    <t>事業概要</t>
    <rPh sb="0" eb="2">
      <t>ジギョウ</t>
    </rPh>
    <rPh sb="2" eb="4">
      <t>ガイヨウ</t>
    </rPh>
    <phoneticPr fontId="1"/>
  </si>
  <si>
    <t>組織図</t>
    <rPh sb="0" eb="3">
      <t>ソシキズ</t>
    </rPh>
    <phoneticPr fontId="1"/>
  </si>
  <si>
    <t>-</t>
    <phoneticPr fontId="1"/>
  </si>
  <si>
    <t>法人の登記事項証明書</t>
    <rPh sb="0" eb="2">
      <t>ホウジン</t>
    </rPh>
    <rPh sb="3" eb="5">
      <t>トウキ</t>
    </rPh>
    <rPh sb="5" eb="7">
      <t>ジコウ</t>
    </rPh>
    <rPh sb="7" eb="9">
      <t>ショウメイ</t>
    </rPh>
    <rPh sb="9" eb="10">
      <t>ショ</t>
    </rPh>
    <phoneticPr fontId="1"/>
  </si>
  <si>
    <t>向こう2年間の研修計画</t>
    <rPh sb="0" eb="1">
      <t>ム</t>
    </rPh>
    <rPh sb="4" eb="6">
      <t>ネンカン</t>
    </rPh>
    <rPh sb="7" eb="9">
      <t>ケンシュウ</t>
    </rPh>
    <rPh sb="9" eb="11">
      <t>ケイカク</t>
    </rPh>
    <phoneticPr fontId="1"/>
  </si>
  <si>
    <t>向こう2年間の財政計画</t>
    <rPh sb="0" eb="1">
      <t>ム</t>
    </rPh>
    <rPh sb="4" eb="6">
      <t>ネンカン</t>
    </rPh>
    <rPh sb="7" eb="9">
      <t>ザイセイ</t>
    </rPh>
    <rPh sb="9" eb="11">
      <t>ケイカク</t>
    </rPh>
    <phoneticPr fontId="1"/>
  </si>
  <si>
    <t>⑦</t>
    <phoneticPr fontId="1"/>
  </si>
  <si>
    <t>⑧</t>
    <phoneticPr fontId="1"/>
  </si>
  <si>
    <t>⑩</t>
    <phoneticPr fontId="1"/>
  </si>
  <si>
    <t>研修責任者履歴</t>
    <rPh sb="0" eb="2">
      <t>ケンシュウ</t>
    </rPh>
    <rPh sb="2" eb="5">
      <t>セキニンシャ</t>
    </rPh>
    <rPh sb="5" eb="7">
      <t>リレキ</t>
    </rPh>
    <phoneticPr fontId="1"/>
  </si>
  <si>
    <t>研修コーディネーター履歴</t>
    <rPh sb="0" eb="2">
      <t>ケンシュウ</t>
    </rPh>
    <rPh sb="10" eb="12">
      <t>リレキ</t>
    </rPh>
    <phoneticPr fontId="1"/>
  </si>
  <si>
    <t>情報の開示を行うホームページを印刷したもの</t>
    <rPh sb="0" eb="2">
      <t>ジョウホウ</t>
    </rPh>
    <rPh sb="3" eb="5">
      <t>カイジ</t>
    </rPh>
    <rPh sb="6" eb="7">
      <t>オコナ</t>
    </rPh>
    <rPh sb="15" eb="17">
      <t>インサツ</t>
    </rPh>
    <phoneticPr fontId="1"/>
  </si>
  <si>
    <t>誓約書</t>
    <rPh sb="0" eb="3">
      <t>セイヤクショ</t>
    </rPh>
    <phoneticPr fontId="1"/>
  </si>
  <si>
    <t>別添様式1</t>
    <rPh sb="0" eb="2">
      <t>ベッテン</t>
    </rPh>
    <rPh sb="2" eb="4">
      <t>ヨウシキ</t>
    </rPh>
    <phoneticPr fontId="1"/>
  </si>
  <si>
    <t>⑪</t>
    <phoneticPr fontId="1"/>
  </si>
  <si>
    <t>⑫</t>
    <phoneticPr fontId="1"/>
  </si>
  <si>
    <t>⑬</t>
    <phoneticPr fontId="1"/>
  </si>
  <si>
    <t>事業者名</t>
    <rPh sb="0" eb="3">
      <t>ジギョウシャ</t>
    </rPh>
    <rPh sb="3" eb="4">
      <t>メイ</t>
    </rPh>
    <phoneticPr fontId="1"/>
  </si>
  <si>
    <t>指定様式</t>
    <rPh sb="0" eb="2">
      <t>シテイ</t>
    </rPh>
    <rPh sb="2" eb="4">
      <t>ヨウシキ</t>
    </rPh>
    <phoneticPr fontId="1"/>
  </si>
  <si>
    <t>第3号様式</t>
    <rPh sb="0" eb="1">
      <t>ダイ</t>
    </rPh>
    <rPh sb="2" eb="3">
      <t>ゴウ</t>
    </rPh>
    <rPh sb="3" eb="5">
      <t>ヨウシキ</t>
    </rPh>
    <phoneticPr fontId="1"/>
  </si>
  <si>
    <t>別添様式2</t>
    <rPh sb="0" eb="2">
      <t>ベッテン</t>
    </rPh>
    <rPh sb="2" eb="4">
      <t>ヨウシキ</t>
    </rPh>
    <phoneticPr fontId="1"/>
  </si>
  <si>
    <t>学則</t>
    <rPh sb="0" eb="2">
      <t>ガクソク</t>
    </rPh>
    <phoneticPr fontId="1"/>
  </si>
  <si>
    <t>講師一覧</t>
    <rPh sb="0" eb="2">
      <t>コウシ</t>
    </rPh>
    <rPh sb="2" eb="4">
      <t>イチラン</t>
    </rPh>
    <phoneticPr fontId="1"/>
  </si>
  <si>
    <t>別添様式16</t>
    <rPh sb="0" eb="2">
      <t>ベッテン</t>
    </rPh>
    <rPh sb="2" eb="4">
      <t>ヨウシキ</t>
    </rPh>
    <phoneticPr fontId="1"/>
  </si>
  <si>
    <t>研修会場一覧</t>
    <rPh sb="0" eb="2">
      <t>ケンシュウ</t>
    </rPh>
    <rPh sb="2" eb="4">
      <t>カイジョウ</t>
    </rPh>
    <rPh sb="4" eb="6">
      <t>イチラン</t>
    </rPh>
    <phoneticPr fontId="1"/>
  </si>
  <si>
    <t>別添様式2-2</t>
    <rPh sb="0" eb="2">
      <t>ベッテン</t>
    </rPh>
    <rPh sb="2" eb="4">
      <t>ヨウシキ</t>
    </rPh>
    <phoneticPr fontId="1"/>
  </si>
  <si>
    <t>研修会場の平面図</t>
    <rPh sb="0" eb="2">
      <t>ケンシュウ</t>
    </rPh>
    <rPh sb="2" eb="4">
      <t>カイジョウ</t>
    </rPh>
    <rPh sb="5" eb="8">
      <t>ヘイメンズ</t>
    </rPh>
    <phoneticPr fontId="1"/>
  </si>
  <si>
    <t>賃貸契約書又は使用承諾書</t>
    <rPh sb="0" eb="2">
      <t>チンタイ</t>
    </rPh>
    <rPh sb="2" eb="4">
      <t>ケイヤク</t>
    </rPh>
    <rPh sb="4" eb="5">
      <t>ショ</t>
    </rPh>
    <rPh sb="5" eb="6">
      <t>マタ</t>
    </rPh>
    <rPh sb="7" eb="9">
      <t>シヨウ</t>
    </rPh>
    <rPh sb="9" eb="11">
      <t>ショウダク</t>
    </rPh>
    <rPh sb="11" eb="12">
      <t>ショ</t>
    </rPh>
    <phoneticPr fontId="1"/>
  </si>
  <si>
    <t>使用備品一覧</t>
    <rPh sb="0" eb="2">
      <t>シヨウ</t>
    </rPh>
    <rPh sb="2" eb="4">
      <t>ビヒン</t>
    </rPh>
    <rPh sb="4" eb="6">
      <t>イチラン</t>
    </rPh>
    <phoneticPr fontId="1"/>
  </si>
  <si>
    <t>修了評価筆記試験問題</t>
    <rPh sb="0" eb="2">
      <t>シュウリョウ</t>
    </rPh>
    <rPh sb="2" eb="4">
      <t>ヒョウカ</t>
    </rPh>
    <rPh sb="4" eb="6">
      <t>ヒッキ</t>
    </rPh>
    <rPh sb="6" eb="8">
      <t>シケン</t>
    </rPh>
    <rPh sb="8" eb="10">
      <t>モンダイ</t>
    </rPh>
    <phoneticPr fontId="1"/>
  </si>
  <si>
    <t>修了評価筆記試験解答</t>
    <rPh sb="0" eb="2">
      <t>シュウリョウ</t>
    </rPh>
    <rPh sb="2" eb="4">
      <t>ヒョウカ</t>
    </rPh>
    <rPh sb="4" eb="6">
      <t>ヒッキ</t>
    </rPh>
    <rPh sb="6" eb="8">
      <t>シケン</t>
    </rPh>
    <rPh sb="8" eb="10">
      <t>カイトウ</t>
    </rPh>
    <phoneticPr fontId="1"/>
  </si>
  <si>
    <t>第10号様式</t>
    <rPh sb="0" eb="1">
      <t>ダイ</t>
    </rPh>
    <rPh sb="3" eb="4">
      <t>ゴウ</t>
    </rPh>
    <rPh sb="4" eb="6">
      <t>ヨウシキ</t>
    </rPh>
    <phoneticPr fontId="1"/>
  </si>
  <si>
    <t>別添様式17</t>
    <rPh sb="0" eb="2">
      <t>ベッテン</t>
    </rPh>
    <rPh sb="2" eb="4">
      <t>ヨウシキ</t>
    </rPh>
    <phoneticPr fontId="1"/>
  </si>
  <si>
    <t>第6号様式</t>
    <rPh sb="0" eb="1">
      <t>ダイ</t>
    </rPh>
    <rPh sb="2" eb="3">
      <t>ゴウ</t>
    </rPh>
    <rPh sb="3" eb="5">
      <t>ヨウシキ</t>
    </rPh>
    <phoneticPr fontId="1"/>
  </si>
  <si>
    <t>第7号様式</t>
    <rPh sb="0" eb="1">
      <t>ダイ</t>
    </rPh>
    <rPh sb="2" eb="3">
      <t>ゴウ</t>
    </rPh>
    <rPh sb="3" eb="5">
      <t>ヨウシキ</t>
    </rPh>
    <phoneticPr fontId="1"/>
  </si>
  <si>
    <t>研修日程表</t>
    <rPh sb="0" eb="2">
      <t>ケンシュウ</t>
    </rPh>
    <rPh sb="2" eb="4">
      <t>ニッテイ</t>
    </rPh>
    <rPh sb="4" eb="5">
      <t>ヒョウ</t>
    </rPh>
    <phoneticPr fontId="1"/>
  </si>
  <si>
    <t>④</t>
    <phoneticPr fontId="1"/>
  </si>
  <si>
    <t>⑤</t>
    <phoneticPr fontId="1"/>
  </si>
  <si>
    <t>⑥</t>
    <phoneticPr fontId="1"/>
  </si>
  <si>
    <t>①</t>
    <phoneticPr fontId="1"/>
  </si>
  <si>
    <t>⑭</t>
    <phoneticPr fontId="1"/>
  </si>
  <si>
    <t>⑲</t>
    <phoneticPr fontId="1"/>
  </si>
  <si>
    <t>⑳</t>
    <phoneticPr fontId="1"/>
  </si>
  <si>
    <t>第11号様式</t>
    <rPh sb="0" eb="1">
      <t>ダイ</t>
    </rPh>
    <rPh sb="3" eb="4">
      <t>ゴウ</t>
    </rPh>
    <rPh sb="4" eb="6">
      <t>ヨウシキ</t>
    </rPh>
    <phoneticPr fontId="1"/>
  </si>
  <si>
    <t>受講者の出席簿</t>
    <rPh sb="0" eb="3">
      <t>ジュコウシャ</t>
    </rPh>
    <rPh sb="4" eb="7">
      <t>シュッセキボ</t>
    </rPh>
    <phoneticPr fontId="1"/>
  </si>
  <si>
    <t>補講修了確認書</t>
    <rPh sb="0" eb="2">
      <t>ホコウ</t>
    </rPh>
    <rPh sb="2" eb="4">
      <t>シュウリョウ</t>
    </rPh>
    <rPh sb="4" eb="6">
      <t>カクニン</t>
    </rPh>
    <rPh sb="6" eb="7">
      <t>ショ</t>
    </rPh>
    <phoneticPr fontId="1"/>
  </si>
  <si>
    <t>講師出講確認書</t>
    <rPh sb="0" eb="2">
      <t>コウシ</t>
    </rPh>
    <rPh sb="2" eb="4">
      <t>シュッコウ</t>
    </rPh>
    <rPh sb="4" eb="6">
      <t>カクニン</t>
    </rPh>
    <rPh sb="6" eb="7">
      <t>ショ</t>
    </rPh>
    <phoneticPr fontId="1"/>
  </si>
  <si>
    <t>別添様式19</t>
    <rPh sb="0" eb="2">
      <t>ベッテン</t>
    </rPh>
    <rPh sb="2" eb="4">
      <t>ヨウシキ</t>
    </rPh>
    <phoneticPr fontId="1"/>
  </si>
  <si>
    <t>別添様式12</t>
    <rPh sb="0" eb="2">
      <t>ベッテン</t>
    </rPh>
    <rPh sb="2" eb="4">
      <t>ヨウシキ</t>
    </rPh>
    <phoneticPr fontId="1"/>
  </si>
  <si>
    <t>連絡事項</t>
    <rPh sb="0" eb="2">
      <t>レンラク</t>
    </rPh>
    <rPh sb="2" eb="4">
      <t>ジコウ</t>
    </rPh>
    <phoneticPr fontId="1"/>
  </si>
  <si>
    <t>確認責任者</t>
    <rPh sb="0" eb="2">
      <t>カクニン</t>
    </rPh>
    <rPh sb="2" eb="5">
      <t>セキニンシャ</t>
    </rPh>
    <phoneticPr fontId="1"/>
  </si>
  <si>
    <t>事業者名</t>
    <rPh sb="0" eb="3">
      <t>ジギョウシャ</t>
    </rPh>
    <rPh sb="3" eb="4">
      <t>メイ</t>
    </rPh>
    <phoneticPr fontId="12"/>
  </si>
  <si>
    <t>科目　項目</t>
    <rPh sb="0" eb="2">
      <t>カモク</t>
    </rPh>
    <rPh sb="3" eb="5">
      <t>コウモク</t>
    </rPh>
    <phoneticPr fontId="12"/>
  </si>
  <si>
    <t>問題数</t>
    <rPh sb="0" eb="2">
      <t>モンダイ</t>
    </rPh>
    <rPh sb="2" eb="3">
      <t>スウ</t>
    </rPh>
    <phoneticPr fontId="12"/>
  </si>
  <si>
    <t>該当問題番号</t>
    <rPh sb="0" eb="2">
      <t>ガイトウ</t>
    </rPh>
    <rPh sb="2" eb="4">
      <t>モンダイ</t>
    </rPh>
    <rPh sb="4" eb="6">
      <t>バンゴウ</t>
    </rPh>
    <phoneticPr fontId="12"/>
  </si>
  <si>
    <t>修了評価ポイント（国取扱細則）</t>
    <rPh sb="0" eb="2">
      <t>シュウリョウ</t>
    </rPh>
    <rPh sb="2" eb="4">
      <t>ヒョウカ</t>
    </rPh>
    <rPh sb="9" eb="10">
      <t>クニ</t>
    </rPh>
    <rPh sb="10" eb="12">
      <t>トリアツカ</t>
    </rPh>
    <rPh sb="12" eb="14">
      <t>サイソク</t>
    </rPh>
    <phoneticPr fontId="12"/>
  </si>
  <si>
    <t>２　介護における尊厳の保持・自立支援</t>
  </si>
  <si>
    <t>①人権と尊厳を支える介護</t>
  </si>
  <si>
    <t>尊厳の保持</t>
    <rPh sb="0" eb="2">
      <t>ソンゲン</t>
    </rPh>
    <rPh sb="3" eb="5">
      <t>ホジ</t>
    </rPh>
    <phoneticPr fontId="12"/>
  </si>
  <si>
    <t>ﾉｰﾏﾗｲｾﾞｰｼｮﾝ</t>
    <phoneticPr fontId="12"/>
  </si>
  <si>
    <t>その他（　　　　　　　　　　　　　　　　　　）</t>
    <rPh sb="2" eb="3">
      <t>ホカ</t>
    </rPh>
    <phoneticPr fontId="12"/>
  </si>
  <si>
    <t>②自立に向けた介護</t>
  </si>
  <si>
    <t>身体拘束</t>
    <phoneticPr fontId="12"/>
  </si>
  <si>
    <t>利用者の尊厳</t>
    <phoneticPr fontId="12"/>
  </si>
  <si>
    <t>３　介護の基本</t>
  </si>
  <si>
    <t>①介護職の役割、専門性と多職種との連携</t>
    <phoneticPr fontId="12"/>
  </si>
  <si>
    <t>介護職の基本的役割</t>
    <phoneticPr fontId="12"/>
  </si>
  <si>
    <t>利用者・家族等と関わる際の留意点</t>
    <rPh sb="0" eb="3">
      <t>リヨウシャ</t>
    </rPh>
    <rPh sb="4" eb="6">
      <t>カゾク</t>
    </rPh>
    <rPh sb="6" eb="7">
      <t>トウ</t>
    </rPh>
    <rPh sb="8" eb="9">
      <t>カカ</t>
    </rPh>
    <rPh sb="11" eb="12">
      <t>サイ</t>
    </rPh>
    <rPh sb="13" eb="15">
      <t>リュウイ</t>
    </rPh>
    <rPh sb="15" eb="16">
      <t>テン</t>
    </rPh>
    <phoneticPr fontId="1"/>
  </si>
  <si>
    <t>③介護における安全の確保とリスクマネジメント</t>
  </si>
  <si>
    <t>④介護職の安全</t>
  </si>
  <si>
    <t>４　介護・福祉サービスの理解と医療との連携</t>
  </si>
  <si>
    <t>①介護保険制度</t>
  </si>
  <si>
    <t>生活支援の中での介護保険制度の位置付け</t>
    <phoneticPr fontId="12"/>
  </si>
  <si>
    <t>各サービスや地域支援の役割</t>
    <phoneticPr fontId="1"/>
  </si>
  <si>
    <t>介護保険制度の理念</t>
    <rPh sb="4" eb="6">
      <t>セイド</t>
    </rPh>
    <rPh sb="7" eb="9">
      <t>リネン</t>
    </rPh>
    <phoneticPr fontId="12"/>
  </si>
  <si>
    <t>財源構成と保険料負担の大枠</t>
    <rPh sb="2" eb="4">
      <t>コウセイ</t>
    </rPh>
    <rPh sb="5" eb="7">
      <t>ホケン</t>
    </rPh>
    <rPh sb="7" eb="8">
      <t>リョウ</t>
    </rPh>
    <rPh sb="8" eb="10">
      <t>フタン</t>
    </rPh>
    <rPh sb="11" eb="13">
      <t>オオワク</t>
    </rPh>
    <phoneticPr fontId="12"/>
  </si>
  <si>
    <t>ケアマネジメントの意義</t>
    <phoneticPr fontId="12"/>
  </si>
  <si>
    <t>サービス利用の流れ</t>
    <phoneticPr fontId="12"/>
  </si>
  <si>
    <t>②医療との連携とリハビリテーション</t>
  </si>
  <si>
    <t>代表的な障害者福祉サービス</t>
    <phoneticPr fontId="12"/>
  </si>
  <si>
    <t>①介護におけるコミュニケーション</t>
  </si>
  <si>
    <t>基本的なコミュニケーション上のポイント（共感）</t>
    <rPh sb="0" eb="2">
      <t>キホン</t>
    </rPh>
    <rPh sb="2" eb="3">
      <t>テキ</t>
    </rPh>
    <rPh sb="13" eb="14">
      <t>ジョウ</t>
    </rPh>
    <rPh sb="20" eb="22">
      <t>キョウカン</t>
    </rPh>
    <phoneticPr fontId="12"/>
  </si>
  <si>
    <t>基本的なコミュニケーション上のポイント（傾聴）</t>
    <phoneticPr fontId="12"/>
  </si>
  <si>
    <t>基本的なコミュニケーション上のポイント（気付き）</t>
    <phoneticPr fontId="12"/>
  </si>
  <si>
    <t>家族の心理、葛藤の存在</t>
    <phoneticPr fontId="12"/>
  </si>
  <si>
    <t>介護職として持つべき視点</t>
    <phoneticPr fontId="12"/>
  </si>
  <si>
    <t>言語、視覚、聴覚障害者とのコミュニケーション上の留意点</t>
    <rPh sb="22" eb="23">
      <t>ジョウ</t>
    </rPh>
    <phoneticPr fontId="12"/>
  </si>
  <si>
    <t>②介護におけるチームのコミュニケーション</t>
    <rPh sb="1" eb="3">
      <t>カイゴ</t>
    </rPh>
    <phoneticPr fontId="1"/>
  </si>
  <si>
    <t>①老化に伴うこころとからだの変化と日常</t>
  </si>
  <si>
    <t>加齢、老化に伴う変化（心身の変化）</t>
    <rPh sb="0" eb="2">
      <t>カレイ</t>
    </rPh>
    <rPh sb="3" eb="5">
      <t>ロウカ</t>
    </rPh>
    <rPh sb="6" eb="7">
      <t>トモナ</t>
    </rPh>
    <rPh sb="8" eb="10">
      <t>ヘンカ</t>
    </rPh>
    <phoneticPr fontId="12"/>
  </si>
  <si>
    <t>社会面・身体面・精神面・知的能力面に着目した心理的特徴
(社会的立場の喪失感、運動機能低下による無力感・羞恥心、知的機能低下による意欲の低下、感覚機能低下によるストレス・疎外感</t>
    <phoneticPr fontId="12"/>
  </si>
  <si>
    <t>②高齢者と健康</t>
  </si>
  <si>
    <t>高齢者に多い疾病
（症状・特徴・治療・生活上の留意点・疾病による症状や訴え）</t>
    <phoneticPr fontId="12"/>
  </si>
  <si>
    <t>「物忘れ」と「認知症」の違い</t>
    <phoneticPr fontId="12"/>
  </si>
  <si>
    <t>認知症の中核症状、それに影響する要因</t>
    <phoneticPr fontId="12"/>
  </si>
  <si>
    <t>認知症の行動・心理症状（BPSD)、それに影響する要因</t>
    <rPh sb="0" eb="2">
      <t>ニンチ</t>
    </rPh>
    <rPh sb="2" eb="3">
      <t>ショウ</t>
    </rPh>
    <rPh sb="21" eb="23">
      <t>エイキョウ</t>
    </rPh>
    <rPh sb="25" eb="27">
      <t>ヨウイン</t>
    </rPh>
    <phoneticPr fontId="1"/>
  </si>
  <si>
    <t>認知症の心理、行動のポイント</t>
    <phoneticPr fontId="12"/>
  </si>
  <si>
    <t>家族の気持ちや、家族が受けやすいストレス</t>
    <rPh sb="3" eb="5">
      <t>キモ</t>
    </rPh>
    <rPh sb="8" eb="10">
      <t>カゾク</t>
    </rPh>
    <rPh sb="11" eb="12">
      <t>ウ</t>
    </rPh>
    <phoneticPr fontId="12"/>
  </si>
  <si>
    <t>①障害の基礎的理解</t>
  </si>
  <si>
    <t>障害の概念</t>
    <phoneticPr fontId="12"/>
  </si>
  <si>
    <t>ICF</t>
    <phoneticPr fontId="12"/>
  </si>
  <si>
    <t>各障害の内容、特徴</t>
    <phoneticPr fontId="12"/>
  </si>
  <si>
    <t>障害に応じた社会支援の考え方</t>
    <phoneticPr fontId="12"/>
  </si>
  <si>
    <t>③家族の心理、かかわり支援の理解</t>
  </si>
  <si>
    <t>障害の受容のプロセス</t>
    <phoneticPr fontId="12"/>
  </si>
  <si>
    <t>①介護の基本的な考え方</t>
    <phoneticPr fontId="12"/>
  </si>
  <si>
    <t>②介護に関するこころのしくみの基礎的理解</t>
  </si>
  <si>
    <t>③介護に関するからだのしくみの基礎的理解</t>
  </si>
  <si>
    <t>④生活と家事</t>
  </si>
  <si>
    <t>計</t>
    <rPh sb="0" eb="1">
      <t>ケイ</t>
    </rPh>
    <phoneticPr fontId="12"/>
  </si>
  <si>
    <t>研修指定番号</t>
    <rPh sb="0" eb="2">
      <t>ケンシュウ</t>
    </rPh>
    <rPh sb="2" eb="4">
      <t>シテイ</t>
    </rPh>
    <rPh sb="4" eb="6">
      <t>バンゴウ</t>
    </rPh>
    <phoneticPr fontId="1"/>
  </si>
  <si>
    <t>記載方法は『記載例』を確認の上、記載漏れがないか確認をしましたか。</t>
    <rPh sb="14" eb="15">
      <t>ウエ</t>
    </rPh>
    <rPh sb="16" eb="18">
      <t>キサイ</t>
    </rPh>
    <rPh sb="18" eb="19">
      <t>モ</t>
    </rPh>
    <rPh sb="24" eb="26">
      <t>カクニン</t>
    </rPh>
    <phoneticPr fontId="1"/>
  </si>
  <si>
    <t>使用会場は会場一覧に記載のある会場ですか。</t>
    <rPh sb="0" eb="2">
      <t>シヨウ</t>
    </rPh>
    <rPh sb="2" eb="4">
      <t>カイジョウ</t>
    </rPh>
    <rPh sb="5" eb="7">
      <t>カイジョウ</t>
    </rPh>
    <rPh sb="7" eb="9">
      <t>イチラン</t>
    </rPh>
    <rPh sb="10" eb="12">
      <t>キサイ</t>
    </rPh>
    <rPh sb="15" eb="17">
      <t>カイジョウ</t>
    </rPh>
    <phoneticPr fontId="1"/>
  </si>
  <si>
    <t>添削担当講師は講師一覧に名前があり、担当科目を受け持てるよう届出されていますか。</t>
    <rPh sb="0" eb="2">
      <t>テンサク</t>
    </rPh>
    <rPh sb="2" eb="4">
      <t>タントウ</t>
    </rPh>
    <rPh sb="4" eb="6">
      <t>コウシ</t>
    </rPh>
    <phoneticPr fontId="1"/>
  </si>
  <si>
    <t>提出期日は標準日程表通りで、かつ提出日の間隔は適切か確認をしましたか。</t>
    <rPh sb="0" eb="2">
      <t>テイシュツ</t>
    </rPh>
    <rPh sb="2" eb="4">
      <t>キジツ</t>
    </rPh>
    <rPh sb="5" eb="7">
      <t>ヒョウジュン</t>
    </rPh>
    <rPh sb="7" eb="9">
      <t>ニッテイ</t>
    </rPh>
    <rPh sb="9" eb="10">
      <t>ヒョウ</t>
    </rPh>
    <rPh sb="10" eb="11">
      <t>トオ</t>
    </rPh>
    <rPh sb="16" eb="18">
      <t>テイシュツ</t>
    </rPh>
    <rPh sb="18" eb="19">
      <t>ヒ</t>
    </rPh>
    <rPh sb="20" eb="22">
      <t>カンカク</t>
    </rPh>
    <rPh sb="23" eb="25">
      <t>テキセツ</t>
    </rPh>
    <rPh sb="26" eb="28">
      <t>カクニン</t>
    </rPh>
    <phoneticPr fontId="1"/>
  </si>
  <si>
    <t>別添様式11</t>
    <rPh sb="0" eb="2">
      <t>ベッテン</t>
    </rPh>
    <rPh sb="2" eb="4">
      <t>ヨウシキ</t>
    </rPh>
    <phoneticPr fontId="1"/>
  </si>
  <si>
    <t>実習先は届出をしている実習一覧にある実習先ですか。</t>
    <rPh sb="0" eb="2">
      <t>ジッシュウ</t>
    </rPh>
    <rPh sb="2" eb="3">
      <t>サキ</t>
    </rPh>
    <rPh sb="4" eb="5">
      <t>トドケ</t>
    </rPh>
    <rPh sb="5" eb="6">
      <t>デ</t>
    </rPh>
    <rPh sb="11" eb="13">
      <t>ジッシュウ</t>
    </rPh>
    <rPh sb="13" eb="15">
      <t>イチラン</t>
    </rPh>
    <rPh sb="18" eb="20">
      <t>ジッシュウ</t>
    </rPh>
    <rPh sb="20" eb="21">
      <t>サキ</t>
    </rPh>
    <phoneticPr fontId="1"/>
  </si>
  <si>
    <t>研修期間の日時を確保できていますか。</t>
    <rPh sb="0" eb="2">
      <t>ケンシュウ</t>
    </rPh>
    <rPh sb="2" eb="4">
      <t>キカン</t>
    </rPh>
    <rPh sb="5" eb="6">
      <t>ニチ</t>
    </rPh>
    <rPh sb="6" eb="7">
      <t>ジ</t>
    </rPh>
    <rPh sb="8" eb="10">
      <t>カクホ</t>
    </rPh>
    <phoneticPr fontId="1"/>
  </si>
  <si>
    <t>会場一覧に記載のある会場ですか。</t>
    <rPh sb="0" eb="2">
      <t>カイジョウ</t>
    </rPh>
    <rPh sb="2" eb="4">
      <t>イチラン</t>
    </rPh>
    <rPh sb="5" eb="7">
      <t>キサイ</t>
    </rPh>
    <rPh sb="10" eb="12">
      <t>カイジョウ</t>
    </rPh>
    <phoneticPr fontId="1"/>
  </si>
  <si>
    <t>研修指定に関する事項の変更</t>
    <rPh sb="0" eb="2">
      <t>ケンシュウ</t>
    </rPh>
    <rPh sb="2" eb="4">
      <t>シテイ</t>
    </rPh>
    <rPh sb="5" eb="6">
      <t>カン</t>
    </rPh>
    <rPh sb="8" eb="10">
      <t>ジコウ</t>
    </rPh>
    <rPh sb="11" eb="13">
      <t>ヘンコウ</t>
    </rPh>
    <phoneticPr fontId="1"/>
  </si>
  <si>
    <t>変更点</t>
    <rPh sb="0" eb="2">
      <t>ヘンコウ</t>
    </rPh>
    <rPh sb="2" eb="3">
      <t>テン</t>
    </rPh>
    <phoneticPr fontId="1"/>
  </si>
  <si>
    <t>事業者指定に関する事項の変更</t>
    <rPh sb="0" eb="3">
      <t>ジギョウシャ</t>
    </rPh>
    <rPh sb="3" eb="5">
      <t>シテイ</t>
    </rPh>
    <rPh sb="6" eb="7">
      <t>カン</t>
    </rPh>
    <rPh sb="9" eb="11">
      <t>ジコウ</t>
    </rPh>
    <rPh sb="12" eb="14">
      <t>ヘンコウ</t>
    </rPh>
    <phoneticPr fontId="1"/>
  </si>
  <si>
    <t>講師を削除したい時</t>
    <rPh sb="0" eb="2">
      <t>コウシ</t>
    </rPh>
    <rPh sb="3" eb="5">
      <t>サクジョ</t>
    </rPh>
    <rPh sb="8" eb="9">
      <t>トキ</t>
    </rPh>
    <phoneticPr fontId="1"/>
  </si>
  <si>
    <t>会場の追加、削除、または変更したい時</t>
    <rPh sb="0" eb="2">
      <t>カイジョウ</t>
    </rPh>
    <rPh sb="3" eb="5">
      <t>ツイカ</t>
    </rPh>
    <rPh sb="6" eb="8">
      <t>サクジョ</t>
    </rPh>
    <rPh sb="12" eb="14">
      <t>ヘンコウ</t>
    </rPh>
    <rPh sb="17" eb="18">
      <t>トキ</t>
    </rPh>
    <phoneticPr fontId="1"/>
  </si>
  <si>
    <t>修了評価試験問題を変更したい時</t>
    <rPh sb="0" eb="2">
      <t>シュウリョウ</t>
    </rPh>
    <rPh sb="2" eb="4">
      <t>ヒョウカ</t>
    </rPh>
    <rPh sb="4" eb="6">
      <t>シケン</t>
    </rPh>
    <rPh sb="6" eb="8">
      <t>モンダイ</t>
    </rPh>
    <rPh sb="9" eb="11">
      <t>ヘンコウ</t>
    </rPh>
    <rPh sb="14" eb="15">
      <t>トキ</t>
    </rPh>
    <phoneticPr fontId="1"/>
  </si>
  <si>
    <t>研修責任者または研修コーディネーターを変えたい時</t>
    <rPh sb="0" eb="2">
      <t>ケンシュウ</t>
    </rPh>
    <rPh sb="2" eb="5">
      <t>セキニンシャ</t>
    </rPh>
    <rPh sb="8" eb="10">
      <t>ケンシュウ</t>
    </rPh>
    <rPh sb="19" eb="20">
      <t>カ</t>
    </rPh>
    <rPh sb="23" eb="24">
      <t>トキ</t>
    </rPh>
    <phoneticPr fontId="1"/>
  </si>
  <si>
    <t>受講対象者を変えたい時</t>
    <rPh sb="0" eb="2">
      <t>ジュコウ</t>
    </rPh>
    <rPh sb="2" eb="5">
      <t>タイショウシャ</t>
    </rPh>
    <rPh sb="6" eb="7">
      <t>カ</t>
    </rPh>
    <rPh sb="10" eb="11">
      <t>トキ</t>
    </rPh>
    <phoneticPr fontId="1"/>
  </si>
  <si>
    <t>定員を変えたい時</t>
    <rPh sb="0" eb="2">
      <t>テイイン</t>
    </rPh>
    <rPh sb="3" eb="4">
      <t>カ</t>
    </rPh>
    <rPh sb="7" eb="8">
      <t>トキ</t>
    </rPh>
    <phoneticPr fontId="1"/>
  </si>
  <si>
    <t>履歴事項全部証明書</t>
    <phoneticPr fontId="1"/>
  </si>
  <si>
    <t>当課へ提出済の最新の講師一覧から、講師の削除を行いましたか。</t>
    <rPh sb="0" eb="2">
      <t>トウカ</t>
    </rPh>
    <rPh sb="3" eb="5">
      <t>テイシュツ</t>
    </rPh>
    <rPh sb="5" eb="6">
      <t>ズ</t>
    </rPh>
    <rPh sb="7" eb="9">
      <t>サイシン</t>
    </rPh>
    <rPh sb="10" eb="12">
      <t>コウシ</t>
    </rPh>
    <rPh sb="12" eb="14">
      <t>イチラン</t>
    </rPh>
    <rPh sb="17" eb="19">
      <t>コウシ</t>
    </rPh>
    <rPh sb="20" eb="22">
      <t>サクジョ</t>
    </rPh>
    <rPh sb="23" eb="24">
      <t>オコナ</t>
    </rPh>
    <phoneticPr fontId="1"/>
  </si>
  <si>
    <t>平面図と会場一覧の平米数が一致している確認をしましたか。</t>
    <rPh sb="0" eb="3">
      <t>ヘイメンズ</t>
    </rPh>
    <rPh sb="4" eb="6">
      <t>カイジョウ</t>
    </rPh>
    <rPh sb="6" eb="8">
      <t>イチラン</t>
    </rPh>
    <rPh sb="9" eb="11">
      <t>ヘイベイ</t>
    </rPh>
    <rPh sb="11" eb="12">
      <t>スウ</t>
    </rPh>
    <rPh sb="13" eb="15">
      <t>イッチ</t>
    </rPh>
    <rPh sb="19" eb="21">
      <t>カクニン</t>
    </rPh>
    <phoneticPr fontId="1"/>
  </si>
  <si>
    <t>縦横の寸法、面積、1人あたりの面積を記載しましたか。</t>
    <rPh sb="0" eb="1">
      <t>タテ</t>
    </rPh>
    <rPh sb="1" eb="2">
      <t>ヨコ</t>
    </rPh>
    <rPh sb="3" eb="5">
      <t>スンポウ</t>
    </rPh>
    <rPh sb="6" eb="8">
      <t>メンセキ</t>
    </rPh>
    <rPh sb="10" eb="11">
      <t>ヒト</t>
    </rPh>
    <rPh sb="15" eb="17">
      <t>メンセキ</t>
    </rPh>
    <rPh sb="18" eb="20">
      <t>キサイ</t>
    </rPh>
    <phoneticPr fontId="1"/>
  </si>
  <si>
    <t>各科目毎に記述式の問題を1問以上作成しているか確認しましたか。</t>
    <rPh sb="0" eb="1">
      <t>カク</t>
    </rPh>
    <rPh sb="1" eb="3">
      <t>カモク</t>
    </rPh>
    <rPh sb="3" eb="4">
      <t>ゴト</t>
    </rPh>
    <rPh sb="5" eb="7">
      <t>キジュツ</t>
    </rPh>
    <rPh sb="7" eb="8">
      <t>シキ</t>
    </rPh>
    <rPh sb="9" eb="11">
      <t>モンダイ</t>
    </rPh>
    <rPh sb="13" eb="16">
      <t>モンイジョウ</t>
    </rPh>
    <rPh sb="16" eb="18">
      <t>サクセイ</t>
    </rPh>
    <rPh sb="23" eb="25">
      <t>カクニン</t>
    </rPh>
    <phoneticPr fontId="1"/>
  </si>
  <si>
    <t>見学・実習施設の追加、変更、又は削除をしたい時</t>
    <rPh sb="0" eb="2">
      <t>ケンガク</t>
    </rPh>
    <rPh sb="3" eb="5">
      <t>ジッシュウ</t>
    </rPh>
    <rPh sb="5" eb="7">
      <t>シセツ</t>
    </rPh>
    <rPh sb="8" eb="10">
      <t>ツイカ</t>
    </rPh>
    <rPh sb="11" eb="13">
      <t>ヘンコウ</t>
    </rPh>
    <rPh sb="14" eb="15">
      <t>マタ</t>
    </rPh>
    <rPh sb="16" eb="18">
      <t>サクジョ</t>
    </rPh>
    <rPh sb="22" eb="23">
      <t>トキ</t>
    </rPh>
    <phoneticPr fontId="1"/>
  </si>
  <si>
    <t>見学・実習受入承諾書</t>
    <rPh sb="0" eb="2">
      <t>ケンガク</t>
    </rPh>
    <rPh sb="3" eb="5">
      <t>ジッシュウ</t>
    </rPh>
    <rPh sb="5" eb="6">
      <t>ウ</t>
    </rPh>
    <rPh sb="6" eb="7">
      <t>イ</t>
    </rPh>
    <rPh sb="7" eb="9">
      <t>ショウダク</t>
    </rPh>
    <rPh sb="9" eb="10">
      <t>ショ</t>
    </rPh>
    <phoneticPr fontId="1"/>
  </si>
  <si>
    <t>時間数に対し、問題数は適切か確認しましたか。(時間数相応の学習内容になっているか。）</t>
    <rPh sb="0" eb="3">
      <t>ジカンスウ</t>
    </rPh>
    <rPh sb="4" eb="5">
      <t>タイ</t>
    </rPh>
    <rPh sb="7" eb="9">
      <t>モンダイ</t>
    </rPh>
    <rPh sb="9" eb="10">
      <t>スウ</t>
    </rPh>
    <rPh sb="11" eb="13">
      <t>テキセツ</t>
    </rPh>
    <rPh sb="14" eb="16">
      <t>カクニン</t>
    </rPh>
    <rPh sb="23" eb="26">
      <t>ジカンスウ</t>
    </rPh>
    <rPh sb="26" eb="28">
      <t>ソウオウ</t>
    </rPh>
    <rPh sb="29" eb="31">
      <t>ガクシュウ</t>
    </rPh>
    <rPh sb="31" eb="33">
      <t>ナイヨウ</t>
    </rPh>
    <phoneticPr fontId="1"/>
  </si>
  <si>
    <t>補講レポート</t>
    <rPh sb="0" eb="2">
      <t>ホコウ</t>
    </rPh>
    <phoneticPr fontId="1"/>
  </si>
  <si>
    <t>【通信添削課題講師を変更した場合】
添削担当講師は講師一覧に名前があり、担当科目を受け持てるよう届出されていますか。</t>
    <rPh sb="1" eb="3">
      <t>ツウシン</t>
    </rPh>
    <rPh sb="3" eb="5">
      <t>テンサク</t>
    </rPh>
    <rPh sb="5" eb="7">
      <t>カダイ</t>
    </rPh>
    <rPh sb="7" eb="9">
      <t>コウシ</t>
    </rPh>
    <rPh sb="10" eb="12">
      <t>ヘンコウ</t>
    </rPh>
    <rPh sb="14" eb="16">
      <t>バアイ</t>
    </rPh>
    <rPh sb="18" eb="20">
      <t>テンサク</t>
    </rPh>
    <rPh sb="20" eb="22">
      <t>タントウ</t>
    </rPh>
    <rPh sb="22" eb="24">
      <t>コウシ</t>
    </rPh>
    <phoneticPr fontId="1"/>
  </si>
  <si>
    <t>研修個別番号</t>
    <rPh sb="0" eb="2">
      <t>ケンシュウ</t>
    </rPh>
    <rPh sb="2" eb="4">
      <t>コベツ</t>
    </rPh>
    <rPh sb="4" eb="6">
      <t>バンゴウ</t>
    </rPh>
    <phoneticPr fontId="1"/>
  </si>
  <si>
    <t>QOL</t>
    <phoneticPr fontId="12"/>
  </si>
  <si>
    <t>虐待の定義</t>
    <phoneticPr fontId="12"/>
  </si>
  <si>
    <t>ﾌﾟﾗｲﾊﾞｼｰを傷つける介護の基本的ポイント</t>
    <phoneticPr fontId="12"/>
  </si>
  <si>
    <t>介護の基本視点</t>
    <phoneticPr fontId="12"/>
  </si>
  <si>
    <t>家族介護と専門職の介護の違い(専門性)</t>
    <phoneticPr fontId="12"/>
  </si>
  <si>
    <t>②介護職の職業倫理</t>
    <phoneticPr fontId="12"/>
  </si>
  <si>
    <t>介護職の職業倫理</t>
    <phoneticPr fontId="12"/>
  </si>
  <si>
    <t>ストレスマネジメント</t>
    <phoneticPr fontId="1"/>
  </si>
  <si>
    <t>利用者負担割合</t>
    <phoneticPr fontId="12"/>
  </si>
  <si>
    <t>権利擁護</t>
    <phoneticPr fontId="12"/>
  </si>
  <si>
    <t>基本的なコミュニケーション上のポイント（受容）</t>
    <phoneticPr fontId="12"/>
  </si>
  <si>
    <t>相談援助技術の重要性</t>
    <phoneticPr fontId="12"/>
  </si>
  <si>
    <t>記録の機能と重要性、主要なポイント</t>
    <phoneticPr fontId="12"/>
  </si>
  <si>
    <t>加齢、老化に伴う変化（生理的変化）</t>
    <phoneticPr fontId="12"/>
  </si>
  <si>
    <t>認知症ケアの理念(利用者中心という考え方）</t>
    <phoneticPr fontId="12"/>
  </si>
  <si>
    <t>認知症利用者の健康管理</t>
    <phoneticPr fontId="12"/>
  </si>
  <si>
    <t>人体の構造、機能</t>
    <phoneticPr fontId="12"/>
  </si>
  <si>
    <t>ターミナルケアの考え方</t>
    <phoneticPr fontId="12"/>
  </si>
  <si>
    <r>
      <t>提出期日は守られていますか。
（</t>
    </r>
    <r>
      <rPr>
        <b/>
        <u/>
        <sz val="12"/>
        <color theme="1"/>
        <rFont val="HG丸ｺﾞｼｯｸM-PRO"/>
        <family val="3"/>
        <charset val="128"/>
      </rPr>
      <t>募集開始</t>
    </r>
    <r>
      <rPr>
        <sz val="12"/>
        <color theme="1"/>
        <rFont val="HG丸ｺﾞｼｯｸM-PRO"/>
        <family val="3"/>
        <charset val="128"/>
      </rPr>
      <t>の15日前　又は　研修開始日の30日前のいずれか早い期日まで）</t>
    </r>
    <rPh sb="0" eb="2">
      <t>テイシュツ</t>
    </rPh>
    <rPh sb="2" eb="4">
      <t>キジツ</t>
    </rPh>
    <rPh sb="5" eb="6">
      <t>マモ</t>
    </rPh>
    <rPh sb="16" eb="18">
      <t>ボシュウ</t>
    </rPh>
    <rPh sb="18" eb="20">
      <t>カイシ</t>
    </rPh>
    <rPh sb="23" eb="24">
      <t>ニチ</t>
    </rPh>
    <rPh sb="24" eb="25">
      <t>マエ</t>
    </rPh>
    <rPh sb="26" eb="27">
      <t>マタ</t>
    </rPh>
    <rPh sb="29" eb="31">
      <t>ケンシュウ</t>
    </rPh>
    <rPh sb="31" eb="33">
      <t>カイシ</t>
    </rPh>
    <rPh sb="33" eb="34">
      <t>ビ</t>
    </rPh>
    <rPh sb="37" eb="38">
      <t>ニチ</t>
    </rPh>
    <rPh sb="38" eb="39">
      <t>マエ</t>
    </rPh>
    <rPh sb="44" eb="45">
      <t>ハヤ</t>
    </rPh>
    <rPh sb="46" eb="48">
      <t>キジツ</t>
    </rPh>
    <phoneticPr fontId="1"/>
  </si>
  <si>
    <t>第8号様式</t>
    <rPh sb="0" eb="1">
      <t>ダイ</t>
    </rPh>
    <rPh sb="2" eb="3">
      <t>ゴウ</t>
    </rPh>
    <rPh sb="3" eb="5">
      <t>ヨウシキ</t>
    </rPh>
    <phoneticPr fontId="1"/>
  </si>
  <si>
    <r>
      <t>提出期日は守られていますか。
（</t>
    </r>
    <r>
      <rPr>
        <b/>
        <u/>
        <sz val="12"/>
        <color theme="1"/>
        <rFont val="HG丸ｺﾞｼｯｸM-PRO"/>
        <family val="3"/>
        <charset val="128"/>
      </rPr>
      <t>募集開始</t>
    </r>
    <r>
      <rPr>
        <sz val="12"/>
        <color theme="1"/>
        <rFont val="HG丸ｺﾞｼｯｸM-PRO"/>
        <family val="3"/>
        <charset val="128"/>
      </rPr>
      <t>の2ヶ月前）</t>
    </r>
    <rPh sb="0" eb="2">
      <t>テイシュツ</t>
    </rPh>
    <rPh sb="2" eb="4">
      <t>キジツ</t>
    </rPh>
    <rPh sb="5" eb="6">
      <t>マモ</t>
    </rPh>
    <rPh sb="16" eb="18">
      <t>ボシュウ</t>
    </rPh>
    <rPh sb="18" eb="20">
      <t>カイシ</t>
    </rPh>
    <rPh sb="23" eb="24">
      <t>ゲツ</t>
    </rPh>
    <rPh sb="24" eb="25">
      <t>マエ</t>
    </rPh>
    <phoneticPr fontId="1"/>
  </si>
  <si>
    <t>講師履歴
（申請をする全講師分）</t>
    <rPh sb="0" eb="2">
      <t>コウシ</t>
    </rPh>
    <rPh sb="2" eb="4">
      <t>リレキ</t>
    </rPh>
    <rPh sb="6" eb="8">
      <t>シンセイ</t>
    </rPh>
    <rPh sb="11" eb="12">
      <t>ゼン</t>
    </rPh>
    <rPh sb="12" eb="14">
      <t>コウシ</t>
    </rPh>
    <rPh sb="14" eb="15">
      <t>ブン</t>
    </rPh>
    <phoneticPr fontId="1"/>
  </si>
  <si>
    <t>実習を行う施設は、申請時において開所から1年以上（訪問介護事業所は6ヶ月以上）経過した事業所か確認をしましたか。</t>
    <rPh sb="0" eb="2">
      <t>ジッシュウ</t>
    </rPh>
    <rPh sb="3" eb="4">
      <t>オコナ</t>
    </rPh>
    <rPh sb="5" eb="7">
      <t>シセツ</t>
    </rPh>
    <rPh sb="9" eb="11">
      <t>シンセイ</t>
    </rPh>
    <rPh sb="11" eb="12">
      <t>トキ</t>
    </rPh>
    <rPh sb="16" eb="17">
      <t>ヒラ</t>
    </rPh>
    <rPh sb="17" eb="18">
      <t>ショ</t>
    </rPh>
    <rPh sb="21" eb="22">
      <t>ネン</t>
    </rPh>
    <rPh sb="22" eb="24">
      <t>イジョウ</t>
    </rPh>
    <rPh sb="25" eb="27">
      <t>ホウモン</t>
    </rPh>
    <rPh sb="27" eb="29">
      <t>カイゴ</t>
    </rPh>
    <rPh sb="29" eb="31">
      <t>ジギョウ</t>
    </rPh>
    <rPh sb="31" eb="32">
      <t>ショ</t>
    </rPh>
    <rPh sb="35" eb="36">
      <t>ゲツ</t>
    </rPh>
    <rPh sb="36" eb="38">
      <t>イジョウ</t>
    </rPh>
    <rPh sb="39" eb="41">
      <t>ケイカ</t>
    </rPh>
    <rPh sb="43" eb="45">
      <t>ジギョウ</t>
    </rPh>
    <rPh sb="45" eb="46">
      <t>ショ</t>
    </rPh>
    <rPh sb="47" eb="49">
      <t>カクニン</t>
    </rPh>
    <phoneticPr fontId="1"/>
  </si>
  <si>
    <t>会場の縦横の寸法、面積、受講者一人あたりの面積、実際に使用する備品を記載していますか。（講義時・演習時それぞれ）</t>
    <rPh sb="0" eb="2">
      <t>カイジョウ</t>
    </rPh>
    <rPh sb="3" eb="4">
      <t>タテ</t>
    </rPh>
    <rPh sb="4" eb="5">
      <t>ヨコ</t>
    </rPh>
    <rPh sb="6" eb="8">
      <t>スンポウ</t>
    </rPh>
    <rPh sb="9" eb="11">
      <t>メンセキ</t>
    </rPh>
    <rPh sb="12" eb="15">
      <t>ジュコウシャ</t>
    </rPh>
    <rPh sb="15" eb="17">
      <t>ヒトリ</t>
    </rPh>
    <rPh sb="21" eb="23">
      <t>メンセキ</t>
    </rPh>
    <rPh sb="24" eb="26">
      <t>ジッサイ</t>
    </rPh>
    <rPh sb="27" eb="29">
      <t>シヨウ</t>
    </rPh>
    <rPh sb="31" eb="33">
      <t>ビヒン</t>
    </rPh>
    <phoneticPr fontId="1"/>
  </si>
  <si>
    <t>レポート最終締切日は「振り返り」の前までに設定しているか確認しましたか。</t>
    <rPh sb="4" eb="6">
      <t>サイシュウ</t>
    </rPh>
    <rPh sb="6" eb="7">
      <t>シ</t>
    </rPh>
    <rPh sb="7" eb="8">
      <t>キ</t>
    </rPh>
    <rPh sb="8" eb="9">
      <t>ヒ</t>
    </rPh>
    <rPh sb="11" eb="12">
      <t>フ</t>
    </rPh>
    <rPh sb="13" eb="14">
      <t>カエ</t>
    </rPh>
    <rPh sb="17" eb="18">
      <t>マエ</t>
    </rPh>
    <rPh sb="21" eb="23">
      <t>セッテイ</t>
    </rPh>
    <rPh sb="28" eb="30">
      <t>カクニン</t>
    </rPh>
    <phoneticPr fontId="1"/>
  </si>
  <si>
    <t>時間数はカリキュラム表と一致しているか確認をしましたか。</t>
    <rPh sb="0" eb="3">
      <t>ジカンスウ</t>
    </rPh>
    <rPh sb="10" eb="11">
      <t>ヒョウ</t>
    </rPh>
    <rPh sb="12" eb="14">
      <t>イッチ</t>
    </rPh>
    <rPh sb="19" eb="21">
      <t>カクニン</t>
    </rPh>
    <phoneticPr fontId="1"/>
  </si>
  <si>
    <t>技術演習に係る
習得度評価チェックリスト</t>
    <rPh sb="0" eb="2">
      <t>ギジュツ</t>
    </rPh>
    <rPh sb="2" eb="4">
      <t>エンシュウ</t>
    </rPh>
    <rPh sb="5" eb="6">
      <t>カカワ</t>
    </rPh>
    <rPh sb="8" eb="10">
      <t>シュウトク</t>
    </rPh>
    <rPh sb="10" eb="11">
      <t>ド</t>
    </rPh>
    <rPh sb="11" eb="13">
      <t>ヒョウカ</t>
    </rPh>
    <phoneticPr fontId="1"/>
  </si>
  <si>
    <t>事業者又は研修指定番号</t>
    <rPh sb="0" eb="3">
      <t>ジギョウシャ</t>
    </rPh>
    <rPh sb="3" eb="4">
      <t>マタ</t>
    </rPh>
    <rPh sb="5" eb="7">
      <t>ケンシュウ</t>
    </rPh>
    <rPh sb="7" eb="9">
      <t>シテイ</t>
    </rPh>
    <rPh sb="9" eb="11">
      <t>バンゴウ</t>
    </rPh>
    <phoneticPr fontId="1"/>
  </si>
  <si>
    <t>使用テキストを
変えたい時</t>
    <rPh sb="0" eb="2">
      <t>シヨウ</t>
    </rPh>
    <rPh sb="8" eb="9">
      <t>カ</t>
    </rPh>
    <rPh sb="12" eb="13">
      <t>トキ</t>
    </rPh>
    <phoneticPr fontId="1"/>
  </si>
  <si>
    <t>別添様式
2-2</t>
    <rPh sb="0" eb="2">
      <t>ベッテン</t>
    </rPh>
    <rPh sb="2" eb="4">
      <t>ヨウシキ</t>
    </rPh>
    <phoneticPr fontId="1"/>
  </si>
  <si>
    <t>(通学課程)
別添様式3
(通信課程)
別添様式4</t>
    <phoneticPr fontId="1"/>
  </si>
  <si>
    <t>全会場の平面図がありますか。
（講義時・演習時それぞれ）</t>
    <rPh sb="0" eb="1">
      <t>ゼン</t>
    </rPh>
    <rPh sb="1" eb="3">
      <t>カイジョウ</t>
    </rPh>
    <rPh sb="4" eb="7">
      <t>ヘイメンズ</t>
    </rPh>
    <phoneticPr fontId="1"/>
  </si>
  <si>
    <t>会場の広さは、受講生1人あたり1.65㎡以上確保できているか確認をしましたか。</t>
    <rPh sb="0" eb="2">
      <t>カイジョウ</t>
    </rPh>
    <rPh sb="3" eb="4">
      <t>ヒロ</t>
    </rPh>
    <rPh sb="7" eb="9">
      <t>ジュコウ</t>
    </rPh>
    <rPh sb="9" eb="10">
      <t>セイ</t>
    </rPh>
    <rPh sb="11" eb="12">
      <t>ヒト</t>
    </rPh>
    <rPh sb="20" eb="22">
      <t>イジョウ</t>
    </rPh>
    <rPh sb="22" eb="24">
      <t>カクホ</t>
    </rPh>
    <rPh sb="30" eb="32">
      <t>カクニン</t>
    </rPh>
    <phoneticPr fontId="1"/>
  </si>
  <si>
    <t>解答や解説に誤りがなく適切か確認をしましたか。</t>
    <rPh sb="0" eb="2">
      <t>カイトウ</t>
    </rPh>
    <rPh sb="3" eb="5">
      <t>カイセツ</t>
    </rPh>
    <rPh sb="6" eb="7">
      <t>アヤマ</t>
    </rPh>
    <rPh sb="11" eb="13">
      <t>テキセツ</t>
    </rPh>
    <rPh sb="14" eb="16">
      <t>カクニン</t>
    </rPh>
    <phoneticPr fontId="1"/>
  </si>
  <si>
    <t>研修事業者名、役職、代表者名を記載しましたか。</t>
    <rPh sb="0" eb="2">
      <t>ケンシュウ</t>
    </rPh>
    <rPh sb="2" eb="5">
      <t>ジギョウシャ</t>
    </rPh>
    <rPh sb="5" eb="6">
      <t>メイ</t>
    </rPh>
    <rPh sb="7" eb="9">
      <t>ヤクショク</t>
    </rPh>
    <rPh sb="10" eb="13">
      <t>ダイヒョウシャ</t>
    </rPh>
    <rPh sb="13" eb="14">
      <t>メイ</t>
    </rPh>
    <rPh sb="15" eb="17">
      <t>キサイ</t>
    </rPh>
    <phoneticPr fontId="1"/>
  </si>
  <si>
    <t>1人の講師が6項目以内の担当になっているか確認しましたか。</t>
    <rPh sb="1" eb="2">
      <t>ヒト</t>
    </rPh>
    <rPh sb="3" eb="5">
      <t>コウシ</t>
    </rPh>
    <rPh sb="7" eb="9">
      <t>コウモク</t>
    </rPh>
    <rPh sb="9" eb="11">
      <t>イナイ</t>
    </rPh>
    <rPh sb="12" eb="14">
      <t>タントウ</t>
    </rPh>
    <rPh sb="21" eb="23">
      <t>カクニン</t>
    </rPh>
    <phoneticPr fontId="1"/>
  </si>
  <si>
    <t>定款</t>
    <rPh sb="0" eb="2">
      <t>テイカン</t>
    </rPh>
    <phoneticPr fontId="1"/>
  </si>
  <si>
    <t>提出期日は守られていますか。
（変更後の10日以内）</t>
    <rPh sb="0" eb="2">
      <t>テイシュツ</t>
    </rPh>
    <rPh sb="2" eb="4">
      <t>キジツ</t>
    </rPh>
    <rPh sb="5" eb="6">
      <t>マモ</t>
    </rPh>
    <rPh sb="16" eb="18">
      <t>ヘンコウ</t>
    </rPh>
    <rPh sb="18" eb="19">
      <t>ゴ</t>
    </rPh>
    <rPh sb="22" eb="23">
      <t>ニチ</t>
    </rPh>
    <rPh sb="23" eb="25">
      <t>イナイ</t>
    </rPh>
    <phoneticPr fontId="1"/>
  </si>
  <si>
    <t>定款が変わった時
（当該事業に関するものに限る）</t>
    <rPh sb="0" eb="2">
      <t>テイカン</t>
    </rPh>
    <rPh sb="3" eb="4">
      <t>カ</t>
    </rPh>
    <rPh sb="7" eb="8">
      <t>トキ</t>
    </rPh>
    <rPh sb="10" eb="12">
      <t>トウガイ</t>
    </rPh>
    <rPh sb="12" eb="14">
      <t>ジギョウ</t>
    </rPh>
    <rPh sb="15" eb="16">
      <t>カン</t>
    </rPh>
    <rPh sb="21" eb="22">
      <t>カギ</t>
    </rPh>
    <phoneticPr fontId="1"/>
  </si>
  <si>
    <t>変更内容が登記に関する内容も変更となる場合は登記も提出をすること。</t>
    <rPh sb="0" eb="2">
      <t>ヘンコウ</t>
    </rPh>
    <rPh sb="2" eb="4">
      <t>ナイヨウ</t>
    </rPh>
    <rPh sb="5" eb="7">
      <t>トウキ</t>
    </rPh>
    <rPh sb="8" eb="9">
      <t>カン</t>
    </rPh>
    <rPh sb="11" eb="13">
      <t>ナイヨウ</t>
    </rPh>
    <rPh sb="14" eb="16">
      <t>ヘンコウ</t>
    </rPh>
    <rPh sb="19" eb="21">
      <t>バアイ</t>
    </rPh>
    <rPh sb="22" eb="24">
      <t>トウキ</t>
    </rPh>
    <rPh sb="25" eb="27">
      <t>テイシュツ</t>
    </rPh>
    <phoneticPr fontId="1"/>
  </si>
  <si>
    <t>当課へ提出済の最新の講師一覧から、新たな講師を追加や削除をしましたか。</t>
    <rPh sb="0" eb="2">
      <t>トウカ</t>
    </rPh>
    <rPh sb="3" eb="5">
      <t>テイシュツ</t>
    </rPh>
    <rPh sb="5" eb="6">
      <t>ズ</t>
    </rPh>
    <rPh sb="7" eb="9">
      <t>サイシン</t>
    </rPh>
    <rPh sb="10" eb="12">
      <t>コウシ</t>
    </rPh>
    <rPh sb="12" eb="14">
      <t>イチラン</t>
    </rPh>
    <rPh sb="17" eb="18">
      <t>アラ</t>
    </rPh>
    <rPh sb="20" eb="22">
      <t>コウシ</t>
    </rPh>
    <rPh sb="23" eb="25">
      <t>ツイカ</t>
    </rPh>
    <rPh sb="26" eb="28">
      <t>サクジョ</t>
    </rPh>
    <phoneticPr fontId="1"/>
  </si>
  <si>
    <t>欠席をした科目の補講は指定を受けている時間数や講師で行ったか確認をしましたか。</t>
    <rPh sb="0" eb="2">
      <t>ケッセキ</t>
    </rPh>
    <rPh sb="1" eb="2">
      <t>ホケツ</t>
    </rPh>
    <rPh sb="5" eb="7">
      <t>カモク</t>
    </rPh>
    <rPh sb="8" eb="10">
      <t>ホコウ</t>
    </rPh>
    <rPh sb="11" eb="13">
      <t>シテイ</t>
    </rPh>
    <rPh sb="14" eb="15">
      <t>ウ</t>
    </rPh>
    <rPh sb="19" eb="22">
      <t>ジカンスウ</t>
    </rPh>
    <rPh sb="23" eb="25">
      <t>コウシ</t>
    </rPh>
    <rPh sb="26" eb="27">
      <t>オコナ</t>
    </rPh>
    <rPh sb="30" eb="32">
      <t>カクニン</t>
    </rPh>
    <phoneticPr fontId="1"/>
  </si>
  <si>
    <t>1（2）</t>
    <phoneticPr fontId="1"/>
  </si>
  <si>
    <t>別紙2</t>
    <rPh sb="0" eb="2">
      <t>ベッシ</t>
    </rPh>
    <phoneticPr fontId="1"/>
  </si>
  <si>
    <t>別紙1</t>
    <rPh sb="0" eb="2">
      <t>ベッシ</t>
    </rPh>
    <phoneticPr fontId="1"/>
  </si>
  <si>
    <t>別紙3</t>
    <rPh sb="0" eb="2">
      <t>ベッシ</t>
    </rPh>
    <phoneticPr fontId="1"/>
  </si>
  <si>
    <t>別紙3
別表</t>
    <rPh sb="0" eb="2">
      <t>ベッシ</t>
    </rPh>
    <rPh sb="4" eb="6">
      <t>ベッピョウ</t>
    </rPh>
    <phoneticPr fontId="1"/>
  </si>
  <si>
    <t>第13条</t>
    <rPh sb="0" eb="1">
      <t>ダイ</t>
    </rPh>
    <rPh sb="3" eb="4">
      <t>ジョウ</t>
    </rPh>
    <phoneticPr fontId="1"/>
  </si>
  <si>
    <t>15
別紙5</t>
    <rPh sb="3" eb="5">
      <t>ベッシ</t>
    </rPh>
    <phoneticPr fontId="1"/>
  </si>
  <si>
    <t>別紙4</t>
    <rPh sb="0" eb="2">
      <t>ベッシ</t>
    </rPh>
    <phoneticPr fontId="1"/>
  </si>
  <si>
    <t>会場の広さは、受講生1人あたり1.65㎡以上確保できているか確認をし、平面図に記載をしましたか。</t>
    <rPh sb="0" eb="2">
      <t>カイジョウ</t>
    </rPh>
    <rPh sb="3" eb="4">
      <t>ヒロ</t>
    </rPh>
    <rPh sb="7" eb="9">
      <t>ジュコウ</t>
    </rPh>
    <rPh sb="9" eb="10">
      <t>セイ</t>
    </rPh>
    <rPh sb="11" eb="12">
      <t>ヒト</t>
    </rPh>
    <rPh sb="20" eb="22">
      <t>イジョウ</t>
    </rPh>
    <rPh sb="22" eb="24">
      <t>カクホ</t>
    </rPh>
    <rPh sb="30" eb="32">
      <t>カクニン</t>
    </rPh>
    <rPh sb="35" eb="38">
      <t>ヘイメンズ</t>
    </rPh>
    <rPh sb="39" eb="41">
      <t>キサイ</t>
    </rPh>
    <phoneticPr fontId="1"/>
  </si>
  <si>
    <t>カリキュラム表の変更
・時間数の増減
・カリキュラム内容</t>
    <rPh sb="6" eb="7">
      <t>ヒョウ</t>
    </rPh>
    <rPh sb="8" eb="10">
      <t>ヘンコウ</t>
    </rPh>
    <rPh sb="12" eb="15">
      <t>ジカンスウ</t>
    </rPh>
    <rPh sb="16" eb="18">
      <t>ゾウゲン</t>
    </rPh>
    <rPh sb="26" eb="28">
      <t>ナイヨウ</t>
    </rPh>
    <phoneticPr fontId="1"/>
  </si>
  <si>
    <t>カリキュラム順の変更</t>
    <rPh sb="6" eb="7">
      <t>ジュン</t>
    </rPh>
    <rPh sb="8" eb="10">
      <t>ヘンコウ</t>
    </rPh>
    <phoneticPr fontId="1"/>
  </si>
  <si>
    <t>指定要綱該当項</t>
    <rPh sb="0" eb="2">
      <t>シテイ</t>
    </rPh>
    <rPh sb="2" eb="4">
      <t>ヨウコウ</t>
    </rPh>
    <rPh sb="4" eb="6">
      <t>ガイトウ</t>
    </rPh>
    <rPh sb="6" eb="7">
      <t>コウ</t>
    </rPh>
    <phoneticPr fontId="1"/>
  </si>
  <si>
    <t>指定基準該当項</t>
    <rPh sb="0" eb="2">
      <t>シテイ</t>
    </rPh>
    <rPh sb="2" eb="4">
      <t>キジュン</t>
    </rPh>
    <phoneticPr fontId="1"/>
  </si>
  <si>
    <t>指定基準
該当項</t>
    <rPh sb="0" eb="2">
      <t>シテイ</t>
    </rPh>
    <rPh sb="2" eb="4">
      <t>キジュン</t>
    </rPh>
    <phoneticPr fontId="1"/>
  </si>
  <si>
    <t>スクーリングと自宅学習の進捗に開きがなく、受講生が各回の項目を無理なく自宅学習ができる日程表か確認をしましたか。</t>
    <rPh sb="7" eb="9">
      <t>ジタク</t>
    </rPh>
    <rPh sb="9" eb="11">
      <t>ガクシュウ</t>
    </rPh>
    <rPh sb="12" eb="14">
      <t>シンチョク</t>
    </rPh>
    <rPh sb="15" eb="16">
      <t>ヒラ</t>
    </rPh>
    <rPh sb="21" eb="23">
      <t>ジュコウ</t>
    </rPh>
    <rPh sb="23" eb="24">
      <t>セイ</t>
    </rPh>
    <rPh sb="25" eb="26">
      <t>カク</t>
    </rPh>
    <rPh sb="26" eb="27">
      <t>カイ</t>
    </rPh>
    <rPh sb="28" eb="30">
      <t>コウモク</t>
    </rPh>
    <rPh sb="31" eb="33">
      <t>ムリ</t>
    </rPh>
    <rPh sb="35" eb="37">
      <t>ジタク</t>
    </rPh>
    <rPh sb="37" eb="39">
      <t>ガクシュウ</t>
    </rPh>
    <rPh sb="43" eb="45">
      <t>ニッテイ</t>
    </rPh>
    <rPh sb="45" eb="46">
      <t>ヒョウ</t>
    </rPh>
    <rPh sb="47" eb="49">
      <t>カクニン</t>
    </rPh>
    <phoneticPr fontId="1"/>
  </si>
  <si>
    <t>チェック表を用い、内容が網羅されているか確認をしましたか。</t>
    <rPh sb="4" eb="5">
      <t>ヒョウ</t>
    </rPh>
    <rPh sb="6" eb="7">
      <t>モチ</t>
    </rPh>
    <rPh sb="9" eb="11">
      <t>ナイヨウ</t>
    </rPh>
    <rPh sb="12" eb="14">
      <t>モウラ</t>
    </rPh>
    <rPh sb="20" eb="22">
      <t>カクニン</t>
    </rPh>
    <phoneticPr fontId="1"/>
  </si>
  <si>
    <t>評価ポイントが明確に示されているか確認をしましたか。
例：　
×→「食事介助ができる」
○→「食べやすいように姿勢を整える　
　　　ことができたか。」
　　「健側から介助し・・・できたか
　　　か。」</t>
    <rPh sb="0" eb="2">
      <t>ヒョウカ</t>
    </rPh>
    <rPh sb="7" eb="9">
      <t>メイカク</t>
    </rPh>
    <rPh sb="10" eb="11">
      <t>シメ</t>
    </rPh>
    <rPh sb="17" eb="19">
      <t>カクニン</t>
    </rPh>
    <rPh sb="27" eb="28">
      <t>レイ</t>
    </rPh>
    <rPh sb="34" eb="36">
      <t>ショクジ</t>
    </rPh>
    <rPh sb="36" eb="38">
      <t>カイジョ</t>
    </rPh>
    <rPh sb="47" eb="48">
      <t>タ</t>
    </rPh>
    <rPh sb="55" eb="57">
      <t>シセイ</t>
    </rPh>
    <rPh sb="58" eb="59">
      <t>トトノ</t>
    </rPh>
    <rPh sb="79" eb="80">
      <t>ケン</t>
    </rPh>
    <rPh sb="80" eb="81">
      <t>ガワ</t>
    </rPh>
    <rPh sb="83" eb="85">
      <t>カイジョ</t>
    </rPh>
    <phoneticPr fontId="1"/>
  </si>
  <si>
    <t>時間数、カリキュラム順は提出している標準日程表と照らしあわせ相違がないか確認をしましたか。</t>
    <rPh sb="0" eb="3">
      <t>ジカンスウ</t>
    </rPh>
    <rPh sb="10" eb="11">
      <t>ジュン</t>
    </rPh>
    <rPh sb="12" eb="14">
      <t>テイシュツ</t>
    </rPh>
    <rPh sb="18" eb="20">
      <t>ヒョウジュン</t>
    </rPh>
    <rPh sb="20" eb="22">
      <t>ニッテイ</t>
    </rPh>
    <rPh sb="22" eb="23">
      <t>ヒョウ</t>
    </rPh>
    <rPh sb="24" eb="25">
      <t>テ</t>
    </rPh>
    <rPh sb="30" eb="32">
      <t>ソウイ</t>
    </rPh>
    <rPh sb="36" eb="38">
      <t>カクニン</t>
    </rPh>
    <phoneticPr fontId="1"/>
  </si>
  <si>
    <t>出席簿の日程と相違がないか確認をしましたか。</t>
    <rPh sb="0" eb="3">
      <t>シュッセキボ</t>
    </rPh>
    <rPh sb="4" eb="6">
      <t>ニッテイ</t>
    </rPh>
    <rPh sb="7" eb="9">
      <t>ソウイ</t>
    </rPh>
    <rPh sb="13" eb="15">
      <t>カクニン</t>
    </rPh>
    <phoneticPr fontId="1"/>
  </si>
  <si>
    <t>予防介護</t>
    <rPh sb="0" eb="2">
      <t>ヨボウ</t>
    </rPh>
    <rPh sb="2" eb="4">
      <t>カイゴ</t>
    </rPh>
    <phoneticPr fontId="1"/>
  </si>
  <si>
    <t>多職種との連携</t>
    <rPh sb="0" eb="1">
      <t>タ</t>
    </rPh>
    <rPh sb="1" eb="3">
      <t>ショクシュ</t>
    </rPh>
    <rPh sb="5" eb="7">
      <t>レンケイ</t>
    </rPh>
    <phoneticPr fontId="1"/>
  </si>
  <si>
    <t>リスクマネジメント</t>
    <phoneticPr fontId="12"/>
  </si>
  <si>
    <t>事故予防</t>
    <rPh sb="0" eb="2">
      <t>ジコ</t>
    </rPh>
    <rPh sb="2" eb="4">
      <t>ヨボウ</t>
    </rPh>
    <phoneticPr fontId="1"/>
  </si>
  <si>
    <t>障害者総合支援制度に基づくサービス</t>
    <rPh sb="0" eb="3">
      <t>ショウガイシャ</t>
    </rPh>
    <rPh sb="3" eb="5">
      <t>ソウゴウ</t>
    </rPh>
    <rPh sb="5" eb="7">
      <t>シエン</t>
    </rPh>
    <rPh sb="7" eb="9">
      <t>セイド</t>
    </rPh>
    <rPh sb="10" eb="11">
      <t>モト</t>
    </rPh>
    <phoneticPr fontId="1"/>
  </si>
  <si>
    <t>サービスのしくみ、種別、内容</t>
    <rPh sb="12" eb="14">
      <t>ナイヨウ</t>
    </rPh>
    <phoneticPr fontId="12"/>
  </si>
  <si>
    <t>成年後見制度、個人情報保護法、日常生活自立支援事業</t>
    <rPh sb="7" eb="9">
      <t>コジン</t>
    </rPh>
    <rPh sb="9" eb="11">
      <t>ジョウホウ</t>
    </rPh>
    <rPh sb="11" eb="13">
      <t>ホゴ</t>
    </rPh>
    <rPh sb="13" eb="14">
      <t>ホウ</t>
    </rPh>
    <rPh sb="15" eb="17">
      <t>ニチジョウ</t>
    </rPh>
    <rPh sb="17" eb="19">
      <t>セイカツ</t>
    </rPh>
    <rPh sb="19" eb="21">
      <t>ジリツ</t>
    </rPh>
    <rPh sb="21" eb="23">
      <t>シエン</t>
    </rPh>
    <rPh sb="23" eb="25">
      <t>ジギョウ</t>
    </rPh>
    <phoneticPr fontId="12"/>
  </si>
  <si>
    <t>５　介護におけるコミュニケーション技術</t>
    <rPh sb="2" eb="3">
      <t>カイ</t>
    </rPh>
    <rPh sb="3" eb="4">
      <t>ゴ</t>
    </rPh>
    <rPh sb="17" eb="19">
      <t>ギジュツ</t>
    </rPh>
    <phoneticPr fontId="1"/>
  </si>
  <si>
    <t>報告</t>
    <rPh sb="0" eb="2">
      <t>ホウコク</t>
    </rPh>
    <phoneticPr fontId="1"/>
  </si>
  <si>
    <t>認知症の原因疾患とその症状、ケアのポイント</t>
    <rPh sb="0" eb="2">
      <t>ニンチ</t>
    </rPh>
    <rPh sb="2" eb="3">
      <t>ショウ</t>
    </rPh>
    <rPh sb="4" eb="6">
      <t>ゲンイン</t>
    </rPh>
    <rPh sb="6" eb="8">
      <t>シッカン</t>
    </rPh>
    <rPh sb="11" eb="13">
      <t>ショウジョウ</t>
    </rPh>
    <phoneticPr fontId="1"/>
  </si>
  <si>
    <t>障害の特性と介護上の留意点</t>
    <rPh sb="0" eb="2">
      <t>ショウガイ</t>
    </rPh>
    <rPh sb="3" eb="5">
      <t>トクセイ</t>
    </rPh>
    <rPh sb="6" eb="8">
      <t>カイゴ</t>
    </rPh>
    <rPh sb="8" eb="9">
      <t>ジョウ</t>
    </rPh>
    <rPh sb="10" eb="12">
      <t>リュウイ</t>
    </rPh>
    <rPh sb="12" eb="13">
      <t>テン</t>
    </rPh>
    <phoneticPr fontId="1"/>
  </si>
  <si>
    <t>理論に基づく介護（ＩＣＦの視点、我流介護の排除）</t>
    <rPh sb="0" eb="2">
      <t>リロン</t>
    </rPh>
    <rPh sb="3" eb="4">
      <t>モト</t>
    </rPh>
    <rPh sb="6" eb="8">
      <t>カイゴ</t>
    </rPh>
    <rPh sb="13" eb="15">
      <t>シテン</t>
    </rPh>
    <rPh sb="16" eb="18">
      <t>ガリュウ</t>
    </rPh>
    <rPh sb="18" eb="20">
      <t>カイゴ</t>
    </rPh>
    <rPh sb="21" eb="23">
      <t>ハイジョ</t>
    </rPh>
    <phoneticPr fontId="1"/>
  </si>
  <si>
    <t>法的根拠に基づく介護</t>
    <rPh sb="0" eb="2">
      <t>ホウテキ</t>
    </rPh>
    <rPh sb="2" eb="4">
      <t>コンキョ</t>
    </rPh>
    <rPh sb="5" eb="6">
      <t>モト</t>
    </rPh>
    <rPh sb="8" eb="10">
      <t>カイゴ</t>
    </rPh>
    <phoneticPr fontId="1"/>
  </si>
  <si>
    <t>感情と意欲の基礎知識、いきがい</t>
    <rPh sb="0" eb="2">
      <t>カンジョウ</t>
    </rPh>
    <rPh sb="3" eb="5">
      <t>イヨク</t>
    </rPh>
    <rPh sb="6" eb="8">
      <t>キソ</t>
    </rPh>
    <rPh sb="8" eb="10">
      <t>チシキ</t>
    </rPh>
    <phoneticPr fontId="1"/>
  </si>
  <si>
    <t>老化や障害への適応行動、阻害要因</t>
    <rPh sb="0" eb="2">
      <t>ロウカ</t>
    </rPh>
    <rPh sb="3" eb="5">
      <t>ショウガイ</t>
    </rPh>
    <rPh sb="7" eb="9">
      <t>テキオウ</t>
    </rPh>
    <rPh sb="9" eb="11">
      <t>コウドウ</t>
    </rPh>
    <rPh sb="12" eb="14">
      <t>ソガイ</t>
    </rPh>
    <rPh sb="14" eb="16">
      <t>ヨウイン</t>
    </rPh>
    <phoneticPr fontId="1"/>
  </si>
  <si>
    <t>ボディメカニクス</t>
    <phoneticPr fontId="1"/>
  </si>
  <si>
    <t>生活支援の考え方</t>
    <rPh sb="0" eb="2">
      <t>セイカツ</t>
    </rPh>
    <rPh sb="2" eb="4">
      <t>シエン</t>
    </rPh>
    <rPh sb="5" eb="6">
      <t>カンガ</t>
    </rPh>
    <rPh sb="7" eb="8">
      <t>カタ</t>
    </rPh>
    <phoneticPr fontId="1"/>
  </si>
  <si>
    <t>快適な居住環境の基礎知識</t>
    <rPh sb="0" eb="2">
      <t>カイテキ</t>
    </rPh>
    <rPh sb="3" eb="5">
      <t>キョジュウ</t>
    </rPh>
    <rPh sb="5" eb="7">
      <t>カンキョウ</t>
    </rPh>
    <rPh sb="8" eb="10">
      <t>キソ</t>
    </rPh>
    <rPh sb="10" eb="12">
      <t>チシキ</t>
    </rPh>
    <phoneticPr fontId="1"/>
  </si>
  <si>
    <t>住宅改修、バリアフリー</t>
    <rPh sb="0" eb="2">
      <t>ジュウタク</t>
    </rPh>
    <rPh sb="2" eb="4">
      <t>カイシュウ</t>
    </rPh>
    <phoneticPr fontId="1"/>
  </si>
  <si>
    <t>福祉用具に関する留意点と支援方法</t>
    <rPh sb="0" eb="2">
      <t>フクシ</t>
    </rPh>
    <rPh sb="2" eb="4">
      <t>ヨウグ</t>
    </rPh>
    <rPh sb="5" eb="6">
      <t>カン</t>
    </rPh>
    <rPh sb="8" eb="10">
      <t>リュウイ</t>
    </rPh>
    <rPh sb="10" eb="11">
      <t>テン</t>
    </rPh>
    <rPh sb="12" eb="14">
      <t>シエン</t>
    </rPh>
    <rPh sb="14" eb="16">
      <t>ホウホウ</t>
    </rPh>
    <phoneticPr fontId="1"/>
  </si>
  <si>
    <t>移動・移乗の基礎知識</t>
    <rPh sb="0" eb="2">
      <t>イドウ</t>
    </rPh>
    <rPh sb="3" eb="5">
      <t>イジョウ</t>
    </rPh>
    <rPh sb="6" eb="8">
      <t>キソ</t>
    </rPh>
    <rPh sb="8" eb="10">
      <t>チシキ</t>
    </rPh>
    <phoneticPr fontId="1"/>
  </si>
  <si>
    <t>食事介助の基礎知識</t>
    <rPh sb="0" eb="2">
      <t>ショクジ</t>
    </rPh>
    <rPh sb="2" eb="4">
      <t>カイジョ</t>
    </rPh>
    <rPh sb="5" eb="7">
      <t>キソ</t>
    </rPh>
    <rPh sb="7" eb="9">
      <t>チシキ</t>
    </rPh>
    <phoneticPr fontId="1"/>
  </si>
  <si>
    <t>口腔ケアの基礎知識</t>
    <rPh sb="0" eb="2">
      <t>コウクウ</t>
    </rPh>
    <rPh sb="5" eb="7">
      <t>キソ</t>
    </rPh>
    <rPh sb="7" eb="9">
      <t>チシキ</t>
    </rPh>
    <phoneticPr fontId="1"/>
  </si>
  <si>
    <t>睡眠に関する基礎知識</t>
    <rPh sb="0" eb="2">
      <t>スイミン</t>
    </rPh>
    <rPh sb="3" eb="4">
      <t>カン</t>
    </rPh>
    <rPh sb="6" eb="8">
      <t>キソ</t>
    </rPh>
    <rPh sb="8" eb="10">
      <t>チシキ</t>
    </rPh>
    <phoneticPr fontId="1"/>
  </si>
  <si>
    <t>ターミナルケアにおける介護職の役割と多職種との連携</t>
    <rPh sb="11" eb="13">
      <t>カイゴ</t>
    </rPh>
    <rPh sb="13" eb="14">
      <t>ショク</t>
    </rPh>
    <rPh sb="15" eb="17">
      <t>ヤクワリ</t>
    </rPh>
    <rPh sb="18" eb="19">
      <t>タ</t>
    </rPh>
    <rPh sb="19" eb="21">
      <t>ショクシュ</t>
    </rPh>
    <rPh sb="23" eb="25">
      <t>レンケイ</t>
    </rPh>
    <phoneticPr fontId="1"/>
  </si>
  <si>
    <t>介護従事者の基本的態度・留意点</t>
    <rPh sb="0" eb="2">
      <t>カイゴ</t>
    </rPh>
    <rPh sb="2" eb="5">
      <t>ジュウジシャ</t>
    </rPh>
    <rPh sb="6" eb="9">
      <t>キホンテキ</t>
    </rPh>
    <rPh sb="9" eb="11">
      <t>タイド</t>
    </rPh>
    <rPh sb="12" eb="14">
      <t>リュウイ</t>
    </rPh>
    <rPh sb="14" eb="15">
      <t>テン</t>
    </rPh>
    <phoneticPr fontId="1"/>
  </si>
  <si>
    <t>評価ポイントが明確に示されているか確認をしましたか。
例：　
×→「食事介助ができる」
○→「食べやすいように姿勢を整える
         ことができたか。」
　　「健側から介助し・・・できた
         か。」</t>
    <rPh sb="0" eb="2">
      <t>ヒョウカ</t>
    </rPh>
    <rPh sb="7" eb="9">
      <t>メイカク</t>
    </rPh>
    <rPh sb="10" eb="11">
      <t>シメ</t>
    </rPh>
    <rPh sb="17" eb="19">
      <t>カクニン</t>
    </rPh>
    <rPh sb="27" eb="28">
      <t>レイ</t>
    </rPh>
    <rPh sb="34" eb="36">
      <t>ショクジ</t>
    </rPh>
    <rPh sb="36" eb="38">
      <t>カイジョ</t>
    </rPh>
    <rPh sb="47" eb="48">
      <t>タ</t>
    </rPh>
    <rPh sb="55" eb="57">
      <t>シセイ</t>
    </rPh>
    <rPh sb="58" eb="59">
      <t>トトノ</t>
    </rPh>
    <rPh sb="84" eb="85">
      <t>ケン</t>
    </rPh>
    <rPh sb="85" eb="86">
      <t>ガワ</t>
    </rPh>
    <rPh sb="88" eb="90">
      <t>カイジョ</t>
    </rPh>
    <phoneticPr fontId="1"/>
  </si>
  <si>
    <t>(参考様式３)</t>
    <rPh sb="1" eb="3">
      <t>サンコウ</t>
    </rPh>
    <rPh sb="3" eb="5">
      <t>ヨウシキ</t>
    </rPh>
    <phoneticPr fontId="1"/>
  </si>
  <si>
    <t>様式は任意ですが、「参考様式４」の記載事項が網羅されているか確認をしましたか。</t>
    <rPh sb="0" eb="2">
      <t>ヨウシキ</t>
    </rPh>
    <rPh sb="3" eb="5">
      <t>ニンイ</t>
    </rPh>
    <rPh sb="10" eb="12">
      <t>サンコウ</t>
    </rPh>
    <rPh sb="12" eb="14">
      <t>ヨウシキ</t>
    </rPh>
    <rPh sb="17" eb="19">
      <t>キサイ</t>
    </rPh>
    <rPh sb="19" eb="21">
      <t>ジコウ</t>
    </rPh>
    <rPh sb="22" eb="24">
      <t>モウラ</t>
    </rPh>
    <rPh sb="30" eb="32">
      <t>カクニン</t>
    </rPh>
    <phoneticPr fontId="1"/>
  </si>
  <si>
    <t>別添様式22</t>
    <rPh sb="0" eb="2">
      <t>ベッテン</t>
    </rPh>
    <rPh sb="2" eb="4">
      <t>ヨウシキ</t>
    </rPh>
    <phoneticPr fontId="1"/>
  </si>
  <si>
    <t>－</t>
  </si>
  <si>
    <t>－</t>
    <phoneticPr fontId="1"/>
  </si>
  <si>
    <t>当該研修担当部署が確認できる団体全体のもの。</t>
    <rPh sb="0" eb="2">
      <t>トウガイ</t>
    </rPh>
    <rPh sb="2" eb="4">
      <t>ケンシュウ</t>
    </rPh>
    <rPh sb="4" eb="6">
      <t>タントウ</t>
    </rPh>
    <rPh sb="6" eb="8">
      <t>ブショ</t>
    </rPh>
    <rPh sb="9" eb="11">
      <t>カクニン</t>
    </rPh>
    <rPh sb="14" eb="16">
      <t>ダンタイ</t>
    </rPh>
    <rPh sb="16" eb="18">
      <t>ゼンタイ</t>
    </rPh>
    <phoneticPr fontId="1"/>
  </si>
  <si>
    <t>記載方法は手引き『記載例』を確認の上、記載漏れがないか確認をしましたか。</t>
    <rPh sb="5" eb="7">
      <t>テビ</t>
    </rPh>
    <rPh sb="17" eb="18">
      <t>ウエ</t>
    </rPh>
    <rPh sb="19" eb="21">
      <t>キサイ</t>
    </rPh>
    <rPh sb="21" eb="22">
      <t>モ</t>
    </rPh>
    <rPh sb="27" eb="29">
      <t>カクニン</t>
    </rPh>
    <phoneticPr fontId="1"/>
  </si>
  <si>
    <t>法人格を有し、概ね1年以上の安定した事業実績がありますか。</t>
    <rPh sb="0" eb="2">
      <t>ホウジン</t>
    </rPh>
    <rPh sb="2" eb="3">
      <t>カク</t>
    </rPh>
    <rPh sb="4" eb="5">
      <t>ユウ</t>
    </rPh>
    <rPh sb="7" eb="8">
      <t>オオム</t>
    </rPh>
    <rPh sb="10" eb="11">
      <t>ネン</t>
    </rPh>
    <rPh sb="11" eb="13">
      <t>イジョウ</t>
    </rPh>
    <rPh sb="14" eb="16">
      <t>アンテイ</t>
    </rPh>
    <rPh sb="18" eb="20">
      <t>ジギョウ</t>
    </rPh>
    <rPh sb="20" eb="22">
      <t>ジッセキ</t>
    </rPh>
    <phoneticPr fontId="1"/>
  </si>
  <si>
    <t>通信課程の新規申請の場合、通学課程における研修実施実績が概ね2回以上ありますか。</t>
    <rPh sb="0" eb="2">
      <t>ツウシン</t>
    </rPh>
    <rPh sb="2" eb="4">
      <t>カテイ</t>
    </rPh>
    <rPh sb="5" eb="7">
      <t>シンキ</t>
    </rPh>
    <rPh sb="7" eb="9">
      <t>シンセイ</t>
    </rPh>
    <rPh sb="10" eb="12">
      <t>バアイ</t>
    </rPh>
    <rPh sb="13" eb="15">
      <t>ツウガク</t>
    </rPh>
    <rPh sb="15" eb="17">
      <t>カテイ</t>
    </rPh>
    <rPh sb="21" eb="23">
      <t>ケンシュウ</t>
    </rPh>
    <rPh sb="23" eb="25">
      <t>ジッシ</t>
    </rPh>
    <rPh sb="25" eb="27">
      <t>ジッセキ</t>
    </rPh>
    <rPh sb="28" eb="29">
      <t>オオム</t>
    </rPh>
    <rPh sb="31" eb="32">
      <t>カイ</t>
    </rPh>
    <rPh sb="32" eb="34">
      <t>イジョウ</t>
    </rPh>
    <phoneticPr fontId="1"/>
  </si>
  <si>
    <t>初回の研修の情報を記載しましたか。</t>
    <rPh sb="0" eb="2">
      <t>ショカイ</t>
    </rPh>
    <rPh sb="3" eb="5">
      <t>ケンシュウ</t>
    </rPh>
    <rPh sb="6" eb="8">
      <t>ジョウホウ</t>
    </rPh>
    <rPh sb="9" eb="11">
      <t>キサイ</t>
    </rPh>
    <phoneticPr fontId="1"/>
  </si>
  <si>
    <t>各科目の時間数は規定時間数を満たしていますか。</t>
    <rPh sb="0" eb="1">
      <t>カク</t>
    </rPh>
    <rPh sb="1" eb="3">
      <t>カモク</t>
    </rPh>
    <rPh sb="4" eb="7">
      <t>ジカンスウ</t>
    </rPh>
    <rPh sb="8" eb="10">
      <t>キテイ</t>
    </rPh>
    <rPh sb="10" eb="13">
      <t>ジカンスウ</t>
    </rPh>
    <rPh sb="14" eb="15">
      <t>ミ</t>
    </rPh>
    <phoneticPr fontId="1"/>
  </si>
  <si>
    <t>別添様式5</t>
    <rPh sb="0" eb="2">
      <t>ベッテン</t>
    </rPh>
    <rPh sb="2" eb="4">
      <t>ヨウシキ</t>
    </rPh>
    <phoneticPr fontId="1"/>
  </si>
  <si>
    <t>別添様式18</t>
    <rPh sb="0" eb="2">
      <t>ベッテン</t>
    </rPh>
    <rPh sb="2" eb="4">
      <t>ヨウシキ</t>
    </rPh>
    <phoneticPr fontId="1"/>
  </si>
  <si>
    <t>（通学課程）
別添様式6
（通信課程）
別添様式7</t>
    <rPh sb="1" eb="3">
      <t>ツウガク</t>
    </rPh>
    <rPh sb="3" eb="5">
      <t>カテイ</t>
    </rPh>
    <rPh sb="7" eb="9">
      <t>ベッテン</t>
    </rPh>
    <rPh sb="9" eb="11">
      <t>ヨウシキ</t>
    </rPh>
    <rPh sb="14" eb="16">
      <t>ツウシン</t>
    </rPh>
    <rPh sb="16" eb="18">
      <t>カテイ</t>
    </rPh>
    <rPh sb="20" eb="22">
      <t>ベッテン</t>
    </rPh>
    <rPh sb="22" eb="24">
      <t>ヨウシキ</t>
    </rPh>
    <phoneticPr fontId="1"/>
  </si>
  <si>
    <t>通信添削課題
【通信課程の場合のみ】</t>
    <rPh sb="0" eb="2">
      <t>ツウシン</t>
    </rPh>
    <rPh sb="2" eb="4">
      <t>テンサク</t>
    </rPh>
    <rPh sb="4" eb="6">
      <t>カダイ</t>
    </rPh>
    <phoneticPr fontId="1"/>
  </si>
  <si>
    <t>通信添削課題提出日は複数回（3回以上）設けているか確認しましたか。</t>
    <rPh sb="0" eb="2">
      <t>ツウシン</t>
    </rPh>
    <rPh sb="2" eb="4">
      <t>テンサク</t>
    </rPh>
    <rPh sb="4" eb="6">
      <t>カダイ</t>
    </rPh>
    <rPh sb="6" eb="8">
      <t>テイシュツ</t>
    </rPh>
    <rPh sb="8" eb="9">
      <t>ヒ</t>
    </rPh>
    <rPh sb="10" eb="12">
      <t>フクスウ</t>
    </rPh>
    <rPh sb="12" eb="13">
      <t>カイ</t>
    </rPh>
    <rPh sb="15" eb="16">
      <t>カイ</t>
    </rPh>
    <rPh sb="16" eb="18">
      <t>イジョウ</t>
    </rPh>
    <rPh sb="19" eb="20">
      <t>モウ</t>
    </rPh>
    <rPh sb="25" eb="27">
      <t>カクニン</t>
    </rPh>
    <phoneticPr fontId="1"/>
  </si>
  <si>
    <t>【通信課程の場合のみ】
通信で実施できる上限時間は超えていないですか。</t>
    <rPh sb="1" eb="3">
      <t>ツウシン</t>
    </rPh>
    <rPh sb="3" eb="5">
      <t>カテイ</t>
    </rPh>
    <rPh sb="6" eb="8">
      <t>バアイ</t>
    </rPh>
    <rPh sb="12" eb="14">
      <t>ツウシン</t>
    </rPh>
    <rPh sb="15" eb="17">
      <t>ジッシ</t>
    </rPh>
    <rPh sb="20" eb="22">
      <t>ジョウゲン</t>
    </rPh>
    <rPh sb="22" eb="24">
      <t>ジカン</t>
    </rPh>
    <rPh sb="25" eb="26">
      <t>コ</t>
    </rPh>
    <phoneticPr fontId="1"/>
  </si>
  <si>
    <t>講師一覧と講師履歴の担当項目欄は一致しているか確認しましたか。</t>
    <rPh sb="0" eb="2">
      <t>コウシ</t>
    </rPh>
    <rPh sb="2" eb="4">
      <t>イチラン</t>
    </rPh>
    <rPh sb="5" eb="7">
      <t>コウシ</t>
    </rPh>
    <rPh sb="7" eb="9">
      <t>リレキ</t>
    </rPh>
    <rPh sb="10" eb="12">
      <t>タントウ</t>
    </rPh>
    <rPh sb="12" eb="14">
      <t>コウモク</t>
    </rPh>
    <rPh sb="14" eb="15">
      <t>ラン</t>
    </rPh>
    <rPh sb="16" eb="18">
      <t>イッチ</t>
    </rPh>
    <rPh sb="23" eb="25">
      <t>カクニン</t>
    </rPh>
    <phoneticPr fontId="1"/>
  </si>
  <si>
    <t>第3条</t>
    <rPh sb="0" eb="1">
      <t>ダイ</t>
    </rPh>
    <rPh sb="2" eb="3">
      <t>ジョウ</t>
    </rPh>
    <phoneticPr fontId="1"/>
  </si>
  <si>
    <t>初回の研修だけではなく、今後の研修で実習受入を承諾している全ての施設、事業所を記載しましたか。</t>
    <rPh sb="0" eb="2">
      <t>ショカイ</t>
    </rPh>
    <rPh sb="3" eb="5">
      <t>ケンシュウ</t>
    </rPh>
    <rPh sb="12" eb="14">
      <t>コンゴ</t>
    </rPh>
    <rPh sb="15" eb="17">
      <t>ケンシュウ</t>
    </rPh>
    <rPh sb="18" eb="20">
      <t>ジッシュウ</t>
    </rPh>
    <rPh sb="20" eb="21">
      <t>ウ</t>
    </rPh>
    <rPh sb="21" eb="22">
      <t>イ</t>
    </rPh>
    <rPh sb="23" eb="25">
      <t>ショウダク</t>
    </rPh>
    <rPh sb="29" eb="30">
      <t>スベ</t>
    </rPh>
    <rPh sb="32" eb="34">
      <t>シセツ</t>
    </rPh>
    <rPh sb="35" eb="37">
      <t>ジギョウ</t>
    </rPh>
    <rPh sb="37" eb="38">
      <t>ショ</t>
    </rPh>
    <rPh sb="39" eb="41">
      <t>キサイ</t>
    </rPh>
    <phoneticPr fontId="1"/>
  </si>
  <si>
    <r>
      <t>初回の研修だけではなく、今後の研修で実習受入を承諾している全ての施設、事業所の承諾書の</t>
    </r>
    <r>
      <rPr>
        <u/>
        <sz val="12"/>
        <color theme="1"/>
        <rFont val="ＭＳ ゴシック"/>
        <family val="3"/>
        <charset val="128"/>
      </rPr>
      <t>コピーを添付</t>
    </r>
    <r>
      <rPr>
        <sz val="12"/>
        <color theme="1"/>
        <rFont val="HG丸ｺﾞｼｯｸM-PRO"/>
        <family val="3"/>
        <charset val="128"/>
      </rPr>
      <t>しましたか。
（注：事業者と同法人内の施設・事業所であれば、承諾書の提出は必要ありません。）</t>
    </r>
    <rPh sb="39" eb="41">
      <t>ショウダク</t>
    </rPh>
    <rPh sb="41" eb="42">
      <t>ショ</t>
    </rPh>
    <rPh sb="47" eb="49">
      <t>テンプ</t>
    </rPh>
    <phoneticPr fontId="1"/>
  </si>
  <si>
    <t>記載方法は手引き『記載例』を確認の上、記載漏れがないか確認をしましたか。</t>
    <rPh sb="5" eb="7">
      <t>テビ</t>
    </rPh>
    <phoneticPr fontId="1"/>
  </si>
  <si>
    <t>演習に必要な備品は、適切な種類と定員数に応じた数量を確保しているか確認をしましたか。</t>
    <rPh sb="0" eb="2">
      <t>エンシュウ</t>
    </rPh>
    <rPh sb="3" eb="5">
      <t>ヒツヨウ</t>
    </rPh>
    <rPh sb="6" eb="8">
      <t>ビヒン</t>
    </rPh>
    <rPh sb="10" eb="12">
      <t>テキセツ</t>
    </rPh>
    <rPh sb="13" eb="15">
      <t>シュルイ</t>
    </rPh>
    <rPh sb="16" eb="18">
      <t>テイイン</t>
    </rPh>
    <rPh sb="18" eb="19">
      <t>スウ</t>
    </rPh>
    <rPh sb="20" eb="21">
      <t>オウ</t>
    </rPh>
    <rPh sb="23" eb="25">
      <t>スウリョウ</t>
    </rPh>
    <rPh sb="26" eb="28">
      <t>カクホ</t>
    </rPh>
    <rPh sb="33" eb="35">
      <t>カクニン</t>
    </rPh>
    <phoneticPr fontId="1"/>
  </si>
  <si>
    <t>時間数に対し、問題数は適切か確認しましたか。（時間数相応の学習内容になっていますか。）</t>
    <rPh sb="0" eb="3">
      <t>ジカンスウ</t>
    </rPh>
    <rPh sb="4" eb="5">
      <t>タイ</t>
    </rPh>
    <rPh sb="7" eb="9">
      <t>モンダイ</t>
    </rPh>
    <rPh sb="9" eb="10">
      <t>スウ</t>
    </rPh>
    <rPh sb="11" eb="13">
      <t>テキセツ</t>
    </rPh>
    <rPh sb="14" eb="16">
      <t>カクニン</t>
    </rPh>
    <rPh sb="23" eb="26">
      <t>ジカンスウ</t>
    </rPh>
    <rPh sb="26" eb="28">
      <t>ソウオウ</t>
    </rPh>
    <rPh sb="29" eb="31">
      <t>ガクシュウ</t>
    </rPh>
    <rPh sb="31" eb="33">
      <t>ナイヨウ</t>
    </rPh>
    <phoneticPr fontId="1"/>
  </si>
  <si>
    <t>修了評価試験問題チェック表</t>
    <rPh sb="0" eb="2">
      <t>シュウリョウ</t>
    </rPh>
    <rPh sb="2" eb="4">
      <t>ヒョウカ</t>
    </rPh>
    <rPh sb="4" eb="6">
      <t>シケン</t>
    </rPh>
    <rPh sb="6" eb="8">
      <t>モンダイ</t>
    </rPh>
    <rPh sb="12" eb="13">
      <t>オモテ</t>
    </rPh>
    <phoneticPr fontId="1"/>
  </si>
  <si>
    <t>修了証明書</t>
    <rPh sb="0" eb="2">
      <t>シュウリョウ</t>
    </rPh>
    <rPh sb="2" eb="4">
      <t>ショウメイ</t>
    </rPh>
    <rPh sb="4" eb="5">
      <t>ショ</t>
    </rPh>
    <phoneticPr fontId="1"/>
  </si>
  <si>
    <t>・新規講師の追加
・提出済の講師の担当科目を追加
・提出済の講師の担当科目の削除</t>
    <rPh sb="1" eb="3">
      <t>シンキ</t>
    </rPh>
    <rPh sb="3" eb="5">
      <t>コウシ</t>
    </rPh>
    <rPh sb="6" eb="8">
      <t>ツイカ</t>
    </rPh>
    <rPh sb="10" eb="12">
      <t>テイシュツ</t>
    </rPh>
    <rPh sb="12" eb="13">
      <t>ズミ</t>
    </rPh>
    <rPh sb="13" eb="14">
      <t>キサイ</t>
    </rPh>
    <rPh sb="14" eb="16">
      <t>コウシ</t>
    </rPh>
    <rPh sb="17" eb="19">
      <t>タントウ</t>
    </rPh>
    <rPh sb="19" eb="21">
      <t>カモク</t>
    </rPh>
    <rPh sb="22" eb="24">
      <t>ツイカ</t>
    </rPh>
    <rPh sb="26" eb="28">
      <t>テイシュツ</t>
    </rPh>
    <rPh sb="28" eb="29">
      <t>ズミ</t>
    </rPh>
    <rPh sb="29" eb="30">
      <t>キサイ</t>
    </rPh>
    <rPh sb="30" eb="32">
      <t>コウシ</t>
    </rPh>
    <rPh sb="33" eb="35">
      <t>タントウ</t>
    </rPh>
    <rPh sb="35" eb="37">
      <t>カモク</t>
    </rPh>
    <rPh sb="38" eb="40">
      <t>サクジョ</t>
    </rPh>
    <phoneticPr fontId="1"/>
  </si>
  <si>
    <t>※※注意※※
講師は、1回の研修で担当する科目のみ追加や削除をするのではなく、今後行う研修でも担当しうる項目もあわせて届出をすること。</t>
    <rPh sb="2" eb="4">
      <t>チュウイ</t>
    </rPh>
    <rPh sb="7" eb="9">
      <t>コウシ</t>
    </rPh>
    <rPh sb="12" eb="13">
      <t>カイ</t>
    </rPh>
    <rPh sb="14" eb="16">
      <t>ケンシュウ</t>
    </rPh>
    <rPh sb="17" eb="19">
      <t>タントウ</t>
    </rPh>
    <rPh sb="21" eb="23">
      <t>カモク</t>
    </rPh>
    <rPh sb="25" eb="27">
      <t>ツイカ</t>
    </rPh>
    <rPh sb="28" eb="30">
      <t>サクジョ</t>
    </rPh>
    <rPh sb="39" eb="41">
      <t>コンゴ</t>
    </rPh>
    <rPh sb="41" eb="42">
      <t>オコナ</t>
    </rPh>
    <rPh sb="43" eb="45">
      <t>ケンシュウ</t>
    </rPh>
    <rPh sb="47" eb="49">
      <t>タントウ</t>
    </rPh>
    <rPh sb="52" eb="54">
      <t>コウモク</t>
    </rPh>
    <rPh sb="59" eb="60">
      <t>トドケ</t>
    </rPh>
    <rPh sb="60" eb="61">
      <t>デ</t>
    </rPh>
    <phoneticPr fontId="1"/>
  </si>
  <si>
    <t>(通学課程)
別添様式6
(通信課程)
別添様式7</t>
    <phoneticPr fontId="1"/>
  </si>
  <si>
    <t>（通学課程）
別添様式6
（通信課程）
別添様式7</t>
    <phoneticPr fontId="1"/>
  </si>
  <si>
    <t>定員の変更により実施方法、タイムスケジュールに変更がないか確認をしましたか。</t>
    <rPh sb="0" eb="2">
      <t>テイイン</t>
    </rPh>
    <rPh sb="3" eb="5">
      <t>ヘンコウ</t>
    </rPh>
    <rPh sb="8" eb="10">
      <t>ジッシ</t>
    </rPh>
    <rPh sb="10" eb="12">
      <t>ホウホウ</t>
    </rPh>
    <rPh sb="23" eb="25">
      <t>ヘンコウ</t>
    </rPh>
    <rPh sb="29" eb="31">
      <t>カクニン</t>
    </rPh>
    <phoneticPr fontId="1"/>
  </si>
  <si>
    <t>該当部分の記載を変更しましたか。</t>
    <rPh sb="0" eb="2">
      <t>ガイトウ</t>
    </rPh>
    <rPh sb="2" eb="4">
      <t>ブブン</t>
    </rPh>
    <rPh sb="5" eb="7">
      <t>キサイ</t>
    </rPh>
    <rPh sb="8" eb="10">
      <t>ヘンコウ</t>
    </rPh>
    <phoneticPr fontId="1"/>
  </si>
  <si>
    <t>【時間数の増減の場合】
各科目及び項目が規定時間数を満たしているか確認しましたか。</t>
    <rPh sb="1" eb="4">
      <t>ジカンスウ</t>
    </rPh>
    <rPh sb="5" eb="7">
      <t>ゾウゲン</t>
    </rPh>
    <rPh sb="8" eb="10">
      <t>バアイ</t>
    </rPh>
    <rPh sb="12" eb="13">
      <t>カク</t>
    </rPh>
    <rPh sb="13" eb="15">
      <t>カモク</t>
    </rPh>
    <rPh sb="15" eb="16">
      <t>オヨ</t>
    </rPh>
    <rPh sb="17" eb="19">
      <t>コウモク</t>
    </rPh>
    <rPh sb="20" eb="22">
      <t>キテイ</t>
    </rPh>
    <rPh sb="22" eb="25">
      <t>ジカンスウ</t>
    </rPh>
    <rPh sb="26" eb="27">
      <t>ミ</t>
    </rPh>
    <rPh sb="33" eb="35">
      <t>カクニン</t>
    </rPh>
    <phoneticPr fontId="1"/>
  </si>
  <si>
    <t>通信添削課題提出期限
【通信課程の場合のみ】</t>
    <rPh sb="0" eb="2">
      <t>ツウシン</t>
    </rPh>
    <rPh sb="2" eb="4">
      <t>テンサク</t>
    </rPh>
    <rPh sb="4" eb="6">
      <t>カダイ</t>
    </rPh>
    <rPh sb="6" eb="8">
      <t>テイシュツ</t>
    </rPh>
    <rPh sb="8" eb="10">
      <t>キゲン</t>
    </rPh>
    <phoneticPr fontId="1"/>
  </si>
  <si>
    <t>通信添削課題を変更したい時
【通信課程の場合のみ】</t>
    <rPh sb="0" eb="2">
      <t>ツウシン</t>
    </rPh>
    <rPh sb="2" eb="4">
      <t>テンサク</t>
    </rPh>
    <rPh sb="4" eb="6">
      <t>カダイ</t>
    </rPh>
    <rPh sb="7" eb="9">
      <t>ヘンコウ</t>
    </rPh>
    <rPh sb="12" eb="13">
      <t>トキ</t>
    </rPh>
    <phoneticPr fontId="1"/>
  </si>
  <si>
    <t>スクーリングとあわせて科目の内容が学習できるような課題の内容になっていますか。</t>
    <rPh sb="11" eb="13">
      <t>カモク</t>
    </rPh>
    <rPh sb="14" eb="16">
      <t>ナイヨウ</t>
    </rPh>
    <rPh sb="17" eb="19">
      <t>ガクシュウ</t>
    </rPh>
    <rPh sb="25" eb="27">
      <t>カダイ</t>
    </rPh>
    <rPh sb="28" eb="30">
      <t>ナイヨウ</t>
    </rPh>
    <phoneticPr fontId="1"/>
  </si>
  <si>
    <t>電子媒体での報告は行いましたか。
（方法は手引きを参照）</t>
    <rPh sb="0" eb="2">
      <t>デンシ</t>
    </rPh>
    <rPh sb="2" eb="4">
      <t>バイタイ</t>
    </rPh>
    <rPh sb="6" eb="8">
      <t>ホウコク</t>
    </rPh>
    <rPh sb="9" eb="10">
      <t>オコナ</t>
    </rPh>
    <rPh sb="18" eb="20">
      <t>ホウホウ</t>
    </rPh>
    <rPh sb="21" eb="23">
      <t>テビ</t>
    </rPh>
    <rPh sb="25" eb="27">
      <t>サンショウ</t>
    </rPh>
    <phoneticPr fontId="1"/>
  </si>
  <si>
    <t>研修日程表（変更後のみ）
【開講届時の内容から変更があった場合】</t>
    <rPh sb="0" eb="2">
      <t>ケンシュウ</t>
    </rPh>
    <rPh sb="2" eb="4">
      <t>ニッテイ</t>
    </rPh>
    <rPh sb="4" eb="5">
      <t>ヒョウ</t>
    </rPh>
    <rPh sb="6" eb="8">
      <t>ヘンコウ</t>
    </rPh>
    <rPh sb="8" eb="9">
      <t>ゴ</t>
    </rPh>
    <rPh sb="14" eb="16">
      <t>カイコウ</t>
    </rPh>
    <rPh sb="16" eb="17">
      <t>トドケ</t>
    </rPh>
    <rPh sb="17" eb="18">
      <t>ジ</t>
    </rPh>
    <rPh sb="19" eb="21">
      <t>ナイヨウ</t>
    </rPh>
    <rPh sb="23" eb="25">
      <t>ヘンコウ</t>
    </rPh>
    <rPh sb="29" eb="31">
      <t>バアイ</t>
    </rPh>
    <phoneticPr fontId="1"/>
  </si>
  <si>
    <t>【講師を変更した場合】
講師出講確認書と相違がないか確認をしましたか。</t>
    <rPh sb="12" eb="14">
      <t>コウシ</t>
    </rPh>
    <rPh sb="14" eb="16">
      <t>シュッコウ</t>
    </rPh>
    <rPh sb="16" eb="19">
      <t>カクニンショ</t>
    </rPh>
    <rPh sb="20" eb="22">
      <t>ソウイ</t>
    </rPh>
    <rPh sb="26" eb="28">
      <t>カクニン</t>
    </rPh>
    <phoneticPr fontId="1"/>
  </si>
  <si>
    <t>別添様式10</t>
    <rPh sb="0" eb="2">
      <t>ベッテン</t>
    </rPh>
    <rPh sb="2" eb="4">
      <t>ヨウシキ</t>
    </rPh>
    <phoneticPr fontId="1"/>
  </si>
  <si>
    <t>変更内容報告書
【開講届時の内容から変更があった場合】</t>
    <rPh sb="0" eb="2">
      <t>ヘンコウ</t>
    </rPh>
    <rPh sb="2" eb="4">
      <t>ナイヨウ</t>
    </rPh>
    <rPh sb="4" eb="6">
      <t>ホウコク</t>
    </rPh>
    <rPh sb="6" eb="7">
      <t>ショ</t>
    </rPh>
    <phoneticPr fontId="1"/>
  </si>
  <si>
    <t>変更内容はすべて記載されているか確認をしましたか。</t>
    <rPh sb="0" eb="2">
      <t>ヘンコウ</t>
    </rPh>
    <rPh sb="2" eb="4">
      <t>ナイヨウ</t>
    </rPh>
    <rPh sb="8" eb="10">
      <t>キサイ</t>
    </rPh>
    <rPh sb="16" eb="18">
      <t>カクニン</t>
    </rPh>
    <phoneticPr fontId="1"/>
  </si>
  <si>
    <t>通信添削指導実施確認書
【通信課程の場合のみ】</t>
    <rPh sb="0" eb="2">
      <t>ツウシン</t>
    </rPh>
    <rPh sb="2" eb="4">
      <t>テンサク</t>
    </rPh>
    <rPh sb="4" eb="6">
      <t>シドウ</t>
    </rPh>
    <rPh sb="6" eb="8">
      <t>ジッシ</t>
    </rPh>
    <rPh sb="8" eb="10">
      <t>カクニン</t>
    </rPh>
    <rPh sb="10" eb="11">
      <t>ショ</t>
    </rPh>
    <phoneticPr fontId="1"/>
  </si>
  <si>
    <t>実習修了確認書
【カリキュラムに実習を設定している場合のみ】</t>
    <rPh sb="0" eb="2">
      <t>ジッシュウ</t>
    </rPh>
    <rPh sb="2" eb="4">
      <t>シュウリョウ</t>
    </rPh>
    <rPh sb="4" eb="6">
      <t>カクニン</t>
    </rPh>
    <rPh sb="6" eb="7">
      <t>ショ</t>
    </rPh>
    <rPh sb="16" eb="18">
      <t>ジッシュウ</t>
    </rPh>
    <rPh sb="19" eb="21">
      <t>セッテイ</t>
    </rPh>
    <rPh sb="25" eb="27">
      <t>バアイ</t>
    </rPh>
    <phoneticPr fontId="1"/>
  </si>
  <si>
    <t>⑥</t>
    <phoneticPr fontId="1"/>
  </si>
  <si>
    <t>任意
（参考様式4）</t>
    <rPh sb="0" eb="2">
      <t>ニンイ</t>
    </rPh>
    <rPh sb="4" eb="6">
      <t>サンコウ</t>
    </rPh>
    <rPh sb="6" eb="8">
      <t>ヨウシキ</t>
    </rPh>
    <phoneticPr fontId="1"/>
  </si>
  <si>
    <t>任意
（参考様式３）</t>
    <rPh sb="0" eb="2">
      <t>ニンイ</t>
    </rPh>
    <rPh sb="4" eb="6">
      <t>サンコウ</t>
    </rPh>
    <rPh sb="6" eb="8">
      <t>ヨウシキ</t>
    </rPh>
    <phoneticPr fontId="1"/>
  </si>
  <si>
    <t>日程やカリキュラム順は最終的な日程表と一致しているか確認をしましたか。</t>
    <rPh sb="0" eb="2">
      <t>ニッテイ</t>
    </rPh>
    <rPh sb="9" eb="10">
      <t>ジュン</t>
    </rPh>
    <rPh sb="11" eb="14">
      <t>サイシュウテキ</t>
    </rPh>
    <rPh sb="15" eb="17">
      <t>ニッテイ</t>
    </rPh>
    <rPh sb="17" eb="18">
      <t>ヒョウ</t>
    </rPh>
    <rPh sb="19" eb="21">
      <t>イッチ</t>
    </rPh>
    <rPh sb="26" eb="28">
      <t>カクニン</t>
    </rPh>
    <phoneticPr fontId="1"/>
  </si>
  <si>
    <t>別紙3</t>
    <rPh sb="0" eb="2">
      <t>ベッシ</t>
    </rPh>
    <phoneticPr fontId="1"/>
  </si>
  <si>
    <t>日程表に記載されている講師は全て、講師一覧に名前があり、担当項目を受け持てるよう届出されていますか。</t>
    <rPh sb="0" eb="2">
      <t>ニッテイ</t>
    </rPh>
    <rPh sb="2" eb="3">
      <t>ヒョウ</t>
    </rPh>
    <rPh sb="4" eb="6">
      <t>キサイ</t>
    </rPh>
    <rPh sb="11" eb="13">
      <t>コウシ</t>
    </rPh>
    <rPh sb="14" eb="15">
      <t>スベ</t>
    </rPh>
    <rPh sb="17" eb="19">
      <t>コウシ</t>
    </rPh>
    <rPh sb="19" eb="21">
      <t>イチラン</t>
    </rPh>
    <rPh sb="22" eb="24">
      <t>ナマエ</t>
    </rPh>
    <rPh sb="28" eb="30">
      <t>タントウ</t>
    </rPh>
    <rPh sb="30" eb="32">
      <t>コウモク</t>
    </rPh>
    <rPh sb="33" eb="34">
      <t>ウ</t>
    </rPh>
    <rPh sb="35" eb="36">
      <t>モ</t>
    </rPh>
    <rPh sb="40" eb="41">
      <t>トドケ</t>
    </rPh>
    <rPh sb="41" eb="42">
      <t>デ</t>
    </rPh>
    <phoneticPr fontId="1"/>
  </si>
  <si>
    <t>別添様式15</t>
    <rPh sb="0" eb="2">
      <t>ベッテン</t>
    </rPh>
    <rPh sb="2" eb="4">
      <t>ヨウシキ</t>
    </rPh>
    <phoneticPr fontId="1"/>
  </si>
  <si>
    <t>別添様式14</t>
    <rPh sb="0" eb="2">
      <t>ベッテン</t>
    </rPh>
    <rPh sb="2" eb="4">
      <t>ヨウシキ</t>
    </rPh>
    <phoneticPr fontId="1"/>
  </si>
  <si>
    <t>別添様式21</t>
    <rPh sb="0" eb="2">
      <t>ベッテン</t>
    </rPh>
    <rPh sb="2" eb="4">
      <t>ヨウシキ</t>
    </rPh>
    <phoneticPr fontId="1"/>
  </si>
  <si>
    <t>免除者に関する証明書類（介護業務従事証明書）
【免除対象者がいた場合のみ】</t>
    <rPh sb="0" eb="2">
      <t>メンジョ</t>
    </rPh>
    <rPh sb="2" eb="3">
      <t>シャ</t>
    </rPh>
    <rPh sb="4" eb="5">
      <t>カン</t>
    </rPh>
    <rPh sb="7" eb="9">
      <t>ショウメイ</t>
    </rPh>
    <rPh sb="9" eb="10">
      <t>ショ</t>
    </rPh>
    <rPh sb="10" eb="11">
      <t>ルイ</t>
    </rPh>
    <rPh sb="12" eb="14">
      <t>カイゴ</t>
    </rPh>
    <rPh sb="14" eb="16">
      <t>ギョウム</t>
    </rPh>
    <rPh sb="16" eb="18">
      <t>ジュウジ</t>
    </rPh>
    <rPh sb="18" eb="20">
      <t>ショウメイ</t>
    </rPh>
    <rPh sb="20" eb="21">
      <t>ショ</t>
    </rPh>
    <phoneticPr fontId="1"/>
  </si>
  <si>
    <t>－</t>
    <phoneticPr fontId="1"/>
  </si>
  <si>
    <t>事業者名</t>
    <rPh sb="0" eb="3">
      <t>ジギョウシャ</t>
    </rPh>
    <rPh sb="3" eb="4">
      <t>メイ</t>
    </rPh>
    <phoneticPr fontId="1"/>
  </si>
  <si>
    <r>
      <rPr>
        <b/>
        <u/>
        <sz val="12"/>
        <color theme="1"/>
        <rFont val="HG丸ｺﾞｼｯｸM-PRO"/>
        <family val="3"/>
        <charset val="128"/>
      </rPr>
      <t>※※コピーを提出※※</t>
    </r>
    <r>
      <rPr>
        <sz val="12"/>
        <color theme="1"/>
        <rFont val="HG丸ｺﾞｼｯｸM-PRO"/>
        <family val="3"/>
        <charset val="128"/>
      </rPr>
      <t xml:space="preserve">
（原本は事業者で保管すること。）</t>
    </r>
    <rPh sb="6" eb="8">
      <t>テイシュツ</t>
    </rPh>
    <rPh sb="12" eb="14">
      <t>ゲンポン</t>
    </rPh>
    <rPh sb="15" eb="18">
      <t>ジギョウシャ</t>
    </rPh>
    <rPh sb="19" eb="21">
      <t>ホカン</t>
    </rPh>
    <phoneticPr fontId="1"/>
  </si>
  <si>
    <t>通信添削課題提出期限
【通信課程の場合のみ】</t>
    <rPh sb="0" eb="2">
      <t>ツウシン</t>
    </rPh>
    <rPh sb="2" eb="4">
      <t>テンサク</t>
    </rPh>
    <rPh sb="4" eb="6">
      <t>カダイ</t>
    </rPh>
    <rPh sb="6" eb="8">
      <t>テイシュツ</t>
    </rPh>
    <rPh sb="8" eb="10">
      <t>キゲン</t>
    </rPh>
    <rPh sb="12" eb="14">
      <t>ツウシン</t>
    </rPh>
    <rPh sb="14" eb="16">
      <t>カテイ</t>
    </rPh>
    <rPh sb="17" eb="19">
      <t>バアイ</t>
    </rPh>
    <phoneticPr fontId="1"/>
  </si>
  <si>
    <t>家事援助の基礎知識</t>
    <rPh sb="0" eb="2">
      <t>カジ</t>
    </rPh>
    <rPh sb="2" eb="4">
      <t>エンジョ</t>
    </rPh>
    <rPh sb="5" eb="7">
      <t>キソ</t>
    </rPh>
    <rPh sb="7" eb="9">
      <t>チシキ</t>
    </rPh>
    <phoneticPr fontId="1"/>
  </si>
  <si>
    <t>1(1)</t>
    <phoneticPr fontId="1"/>
  </si>
  <si>
    <t>法人全体の事業内容がわかるもの
（会社パンフレット等でも可）</t>
    <rPh sb="0" eb="2">
      <t>ホウジン</t>
    </rPh>
    <rPh sb="2" eb="4">
      <t>ゼンタイ</t>
    </rPh>
    <rPh sb="5" eb="7">
      <t>ジギョウ</t>
    </rPh>
    <rPh sb="7" eb="9">
      <t>ナイヨウ</t>
    </rPh>
    <rPh sb="17" eb="19">
      <t>カイシャ</t>
    </rPh>
    <rPh sb="25" eb="26">
      <t>トウ</t>
    </rPh>
    <rPh sb="28" eb="29">
      <t>カ</t>
    </rPh>
    <phoneticPr fontId="1"/>
  </si>
  <si>
    <t>定款、寄附行為又はその他規約の写し</t>
    <rPh sb="0" eb="2">
      <t>テイカン</t>
    </rPh>
    <rPh sb="3" eb="5">
      <t>キフ</t>
    </rPh>
    <rPh sb="5" eb="7">
      <t>コウイ</t>
    </rPh>
    <rPh sb="7" eb="8">
      <t>マタ</t>
    </rPh>
    <rPh sb="11" eb="12">
      <t>ホカ</t>
    </rPh>
    <rPh sb="12" eb="14">
      <t>キヤク</t>
    </rPh>
    <rPh sb="15" eb="16">
      <t>ウツ</t>
    </rPh>
    <phoneticPr fontId="1"/>
  </si>
  <si>
    <t>収支状況及び資産状況</t>
    <rPh sb="0" eb="2">
      <t>シュウシ</t>
    </rPh>
    <rPh sb="2" eb="4">
      <t>ジョウキョウ</t>
    </rPh>
    <rPh sb="4" eb="5">
      <t>オヨ</t>
    </rPh>
    <rPh sb="6" eb="8">
      <t>シサン</t>
    </rPh>
    <rPh sb="8" eb="10">
      <t>ジョウキョウ</t>
    </rPh>
    <phoneticPr fontId="1"/>
  </si>
  <si>
    <t>研修の内容に関し、知識と経験を有したコーディネーターという点がわかるよう、介護福祉士等の資格や関係する業務歴等を記載していますか。</t>
    <rPh sb="37" eb="39">
      <t>カイゴ</t>
    </rPh>
    <rPh sb="39" eb="42">
      <t>フクシシ</t>
    </rPh>
    <rPh sb="42" eb="43">
      <t>ナド</t>
    </rPh>
    <rPh sb="44" eb="46">
      <t>シカク</t>
    </rPh>
    <rPh sb="47" eb="49">
      <t>カンケイ</t>
    </rPh>
    <rPh sb="51" eb="53">
      <t>ギョウム</t>
    </rPh>
    <rPh sb="53" eb="54">
      <t>レキ</t>
    </rPh>
    <rPh sb="54" eb="55">
      <t>ナド</t>
    </rPh>
    <phoneticPr fontId="1"/>
  </si>
  <si>
    <t>『指定基準別紙３　別表　講師要件』を満たし、担当できる講師か審査できるよう、資格、業務歴、その他参考事項等、すべて記載したか確認をしましたか。</t>
    <rPh sb="1" eb="3">
      <t>シテイ</t>
    </rPh>
    <rPh sb="3" eb="5">
      <t>キジュン</t>
    </rPh>
    <rPh sb="5" eb="7">
      <t>ベッシ</t>
    </rPh>
    <rPh sb="9" eb="11">
      <t>ベッピョウ</t>
    </rPh>
    <rPh sb="12" eb="14">
      <t>コウシ</t>
    </rPh>
    <rPh sb="14" eb="16">
      <t>ヨウケン</t>
    </rPh>
    <rPh sb="18" eb="19">
      <t>ミ</t>
    </rPh>
    <rPh sb="22" eb="24">
      <t>タントウ</t>
    </rPh>
    <rPh sb="27" eb="29">
      <t>コウシ</t>
    </rPh>
    <rPh sb="30" eb="32">
      <t>シンサ</t>
    </rPh>
    <rPh sb="38" eb="40">
      <t>シカク</t>
    </rPh>
    <rPh sb="41" eb="43">
      <t>ギョウム</t>
    </rPh>
    <rPh sb="43" eb="44">
      <t>レキ</t>
    </rPh>
    <rPh sb="47" eb="48">
      <t>ホカ</t>
    </rPh>
    <rPh sb="48" eb="50">
      <t>サンコウ</t>
    </rPh>
    <rPh sb="50" eb="52">
      <t>ジコウ</t>
    </rPh>
    <rPh sb="52" eb="53">
      <t>トウ</t>
    </rPh>
    <rPh sb="57" eb="59">
      <t>キサイ</t>
    </rPh>
    <rPh sb="62" eb="64">
      <t>カクニン</t>
    </rPh>
    <phoneticPr fontId="1"/>
  </si>
  <si>
    <t>研修の内容に関し、知識と経験を有したコーディネーターという点がわかるよう、介護福祉士等の資格や関係する業務歴等を記載しましたか。</t>
    <rPh sb="37" eb="39">
      <t>カイゴ</t>
    </rPh>
    <rPh sb="39" eb="42">
      <t>フクシシ</t>
    </rPh>
    <rPh sb="42" eb="43">
      <t>ナド</t>
    </rPh>
    <rPh sb="44" eb="46">
      <t>シカク</t>
    </rPh>
    <rPh sb="47" eb="49">
      <t>カンケイ</t>
    </rPh>
    <rPh sb="51" eb="53">
      <t>ギョウム</t>
    </rPh>
    <rPh sb="53" eb="54">
      <t>レキ</t>
    </rPh>
    <rPh sb="54" eb="55">
      <t>ナド</t>
    </rPh>
    <phoneticPr fontId="1"/>
  </si>
  <si>
    <t>通信添削課題解答及び解説
【通信課程の場合のみ】</t>
    <rPh sb="0" eb="2">
      <t>ツウシン</t>
    </rPh>
    <rPh sb="2" eb="4">
      <t>テンサク</t>
    </rPh>
    <rPh sb="4" eb="6">
      <t>カダイ</t>
    </rPh>
    <rPh sb="6" eb="8">
      <t>カイトウ</t>
    </rPh>
    <rPh sb="8" eb="9">
      <t>オヨ</t>
    </rPh>
    <rPh sb="10" eb="12">
      <t>カイセツ</t>
    </rPh>
    <phoneticPr fontId="1"/>
  </si>
  <si>
    <t>指定基準を確認の上、「修了時の評価ポイント」に沿った内容か確認しましたか。</t>
    <rPh sb="0" eb="2">
      <t>シテイ</t>
    </rPh>
    <rPh sb="2" eb="4">
      <t>キジュン</t>
    </rPh>
    <rPh sb="5" eb="7">
      <t>カクニン</t>
    </rPh>
    <rPh sb="8" eb="9">
      <t>ウエ</t>
    </rPh>
    <rPh sb="11" eb="13">
      <t>シュウリョウ</t>
    </rPh>
    <rPh sb="13" eb="14">
      <t>トキ</t>
    </rPh>
    <rPh sb="15" eb="17">
      <t>ヒョウカ</t>
    </rPh>
    <rPh sb="23" eb="24">
      <t>ソ</t>
    </rPh>
    <rPh sb="26" eb="28">
      <t>ナイヨウ</t>
    </rPh>
    <rPh sb="29" eb="31">
      <t>カクニン</t>
    </rPh>
    <phoneticPr fontId="1"/>
  </si>
  <si>
    <t>指定基準を確認の上、各科目の内容を網羅しているか確認しましたか。</t>
    <rPh sb="0" eb="2">
      <t>シテイ</t>
    </rPh>
    <rPh sb="2" eb="4">
      <t>キジュン</t>
    </rPh>
    <rPh sb="5" eb="7">
      <t>カクニン</t>
    </rPh>
    <rPh sb="8" eb="9">
      <t>ウエ</t>
    </rPh>
    <rPh sb="10" eb="11">
      <t>カク</t>
    </rPh>
    <rPh sb="11" eb="13">
      <t>カモク</t>
    </rPh>
    <rPh sb="14" eb="16">
      <t>ナイヨウ</t>
    </rPh>
    <rPh sb="17" eb="19">
      <t>モウラ</t>
    </rPh>
    <rPh sb="24" eb="26">
      <t>カクニン</t>
    </rPh>
    <phoneticPr fontId="1"/>
  </si>
  <si>
    <r>
      <t>提出期日は守られていますか。
（</t>
    </r>
    <r>
      <rPr>
        <b/>
        <u/>
        <sz val="12"/>
        <color theme="1"/>
        <rFont val="HG丸ｺﾞｼｯｸM-PRO"/>
        <family val="3"/>
        <charset val="128"/>
      </rPr>
      <t>変更決定後10日以内、かつ変更内容で実施する1ヶ月前</t>
    </r>
    <r>
      <rPr>
        <sz val="12"/>
        <color theme="1"/>
        <rFont val="HG丸ｺﾞｼｯｸM-PRO"/>
        <family val="3"/>
        <charset val="128"/>
      </rPr>
      <t>）</t>
    </r>
    <rPh sb="0" eb="2">
      <t>テイシュツ</t>
    </rPh>
    <rPh sb="2" eb="4">
      <t>キジツ</t>
    </rPh>
    <rPh sb="5" eb="6">
      <t>マモ</t>
    </rPh>
    <rPh sb="16" eb="18">
      <t>ヘンコウ</t>
    </rPh>
    <rPh sb="18" eb="20">
      <t>ケッテイ</t>
    </rPh>
    <rPh sb="20" eb="21">
      <t>ゴ</t>
    </rPh>
    <rPh sb="23" eb="24">
      <t>ニチ</t>
    </rPh>
    <rPh sb="24" eb="26">
      <t>イナイ</t>
    </rPh>
    <rPh sb="29" eb="31">
      <t>ヘンコウ</t>
    </rPh>
    <rPh sb="31" eb="33">
      <t>ナイヨウ</t>
    </rPh>
    <rPh sb="34" eb="36">
      <t>ジッシ</t>
    </rPh>
    <rPh sb="40" eb="41">
      <t>ゲツ</t>
    </rPh>
    <rPh sb="41" eb="42">
      <t>マエ</t>
    </rPh>
    <phoneticPr fontId="1"/>
  </si>
  <si>
    <t>講師一覧
（変更後のみ）</t>
    <rPh sb="0" eb="2">
      <t>コウシ</t>
    </rPh>
    <rPh sb="2" eb="4">
      <t>イチラン</t>
    </rPh>
    <rPh sb="6" eb="8">
      <t>ヘンコウ</t>
    </rPh>
    <rPh sb="8" eb="9">
      <t>アト</t>
    </rPh>
    <phoneticPr fontId="1"/>
  </si>
  <si>
    <t>（届出をする講師のみの）
講師履歴
（変更後のみ）</t>
    <rPh sb="1" eb="2">
      <t>トドケ</t>
    </rPh>
    <rPh sb="2" eb="3">
      <t>デ</t>
    </rPh>
    <rPh sb="6" eb="8">
      <t>コウシ</t>
    </rPh>
    <rPh sb="13" eb="15">
      <t>コウシ</t>
    </rPh>
    <rPh sb="15" eb="17">
      <t>リレキ</t>
    </rPh>
    <rPh sb="21" eb="22">
      <t>ゴ</t>
    </rPh>
    <phoneticPr fontId="1"/>
  </si>
  <si>
    <t>講師一覧
（変更後のみ）</t>
    <rPh sb="0" eb="2">
      <t>コウシ</t>
    </rPh>
    <rPh sb="2" eb="4">
      <t>イチラン</t>
    </rPh>
    <phoneticPr fontId="1"/>
  </si>
  <si>
    <t>学則
（変更後のみ）</t>
    <rPh sb="0" eb="2">
      <t>ガクソク</t>
    </rPh>
    <phoneticPr fontId="1"/>
  </si>
  <si>
    <t>使用テキストの変更に伴い、「修了評価問題」「通信添削課題」の変更が必要か確認をしましたか。変更があれば、添付をすること。
なお、軽微な修正（ページ数、文言の修正等）であれば提出不要。</t>
    <rPh sb="0" eb="2">
      <t>シヨウ</t>
    </rPh>
    <rPh sb="7" eb="9">
      <t>ヘンコウ</t>
    </rPh>
    <rPh sb="10" eb="11">
      <t>トモナ</t>
    </rPh>
    <rPh sb="14" eb="16">
      <t>シュウリョウ</t>
    </rPh>
    <rPh sb="16" eb="18">
      <t>ヒョウカ</t>
    </rPh>
    <rPh sb="18" eb="20">
      <t>モンダイ</t>
    </rPh>
    <rPh sb="22" eb="24">
      <t>ツウシン</t>
    </rPh>
    <rPh sb="24" eb="26">
      <t>テンサク</t>
    </rPh>
    <rPh sb="26" eb="28">
      <t>カダイ</t>
    </rPh>
    <rPh sb="30" eb="32">
      <t>ヘンコウ</t>
    </rPh>
    <rPh sb="33" eb="35">
      <t>ヒツヨウ</t>
    </rPh>
    <rPh sb="36" eb="38">
      <t>カクニン</t>
    </rPh>
    <rPh sb="45" eb="47">
      <t>ヘンコウ</t>
    </rPh>
    <rPh sb="52" eb="54">
      <t>テンプ</t>
    </rPh>
    <rPh sb="64" eb="66">
      <t>ケイビ</t>
    </rPh>
    <rPh sb="67" eb="69">
      <t>シュウセイ</t>
    </rPh>
    <rPh sb="73" eb="74">
      <t>スウ</t>
    </rPh>
    <rPh sb="75" eb="77">
      <t>モンゴン</t>
    </rPh>
    <rPh sb="78" eb="80">
      <t>シュウセイ</t>
    </rPh>
    <rPh sb="80" eb="81">
      <t>トウ</t>
    </rPh>
    <rPh sb="86" eb="88">
      <t>テイシュツ</t>
    </rPh>
    <rPh sb="88" eb="90">
      <t>フヨウ</t>
    </rPh>
    <phoneticPr fontId="1"/>
  </si>
  <si>
    <t>研修責任者または
研修コーディネータ履歴書
（変更後のみ）</t>
    <rPh sb="0" eb="2">
      <t>ケンシュウ</t>
    </rPh>
    <rPh sb="2" eb="5">
      <t>セキニンシャ</t>
    </rPh>
    <rPh sb="9" eb="11">
      <t>ケンシュウ</t>
    </rPh>
    <rPh sb="18" eb="20">
      <t>リレキ</t>
    </rPh>
    <rPh sb="20" eb="21">
      <t>カ</t>
    </rPh>
    <phoneticPr fontId="1"/>
  </si>
  <si>
    <t>コーディネーター履歴は研修の内容に関し、知識と経験を有したコーディネーターという点がわかるよう、介護福祉士等の資格や関係する業務歴等を記載。</t>
    <rPh sb="8" eb="10">
      <t>リレキ</t>
    </rPh>
    <rPh sb="11" eb="13">
      <t>ケンシュウ</t>
    </rPh>
    <rPh sb="14" eb="16">
      <t>ナイヨウ</t>
    </rPh>
    <rPh sb="17" eb="18">
      <t>カン</t>
    </rPh>
    <rPh sb="20" eb="22">
      <t>チシキ</t>
    </rPh>
    <rPh sb="23" eb="25">
      <t>ケイケン</t>
    </rPh>
    <rPh sb="26" eb="27">
      <t>ユウ</t>
    </rPh>
    <rPh sb="40" eb="41">
      <t>テン</t>
    </rPh>
    <rPh sb="48" eb="50">
      <t>カイゴ</t>
    </rPh>
    <rPh sb="50" eb="53">
      <t>フクシシ</t>
    </rPh>
    <rPh sb="53" eb="54">
      <t>トウ</t>
    </rPh>
    <rPh sb="55" eb="57">
      <t>シカク</t>
    </rPh>
    <rPh sb="58" eb="60">
      <t>カンケイ</t>
    </rPh>
    <rPh sb="62" eb="64">
      <t>ギョウム</t>
    </rPh>
    <rPh sb="64" eb="66">
      <t>レキナド</t>
    </rPh>
    <rPh sb="67" eb="69">
      <t>キサイ</t>
    </rPh>
    <phoneticPr fontId="1"/>
  </si>
  <si>
    <r>
      <rPr>
        <u/>
        <sz val="12"/>
        <color theme="1"/>
        <rFont val="HG丸ｺﾞｼｯｸM-PRO"/>
        <family val="3"/>
        <charset val="128"/>
      </rPr>
      <t>県に事前相談を行いましたか。</t>
    </r>
    <r>
      <rPr>
        <sz val="12"/>
        <color theme="1"/>
        <rFont val="HG丸ｺﾞｼｯｸM-PRO"/>
        <family val="3"/>
        <charset val="128"/>
      </rPr>
      <t xml:space="preserve">
※※注意※※
カリキュラム内容や募集要件が変わるような対象は別に指定をとる必要があります。</t>
    </r>
    <rPh sb="0" eb="1">
      <t>ケン</t>
    </rPh>
    <rPh sb="2" eb="4">
      <t>ジゼン</t>
    </rPh>
    <rPh sb="4" eb="6">
      <t>ソウダン</t>
    </rPh>
    <rPh sb="7" eb="8">
      <t>オコナ</t>
    </rPh>
    <rPh sb="17" eb="19">
      <t>チュウイ</t>
    </rPh>
    <rPh sb="28" eb="30">
      <t>ナイヨウ</t>
    </rPh>
    <rPh sb="31" eb="33">
      <t>ボシュウ</t>
    </rPh>
    <rPh sb="33" eb="35">
      <t>ヨウケン</t>
    </rPh>
    <rPh sb="36" eb="37">
      <t>カ</t>
    </rPh>
    <rPh sb="42" eb="44">
      <t>タイショウ</t>
    </rPh>
    <rPh sb="45" eb="46">
      <t>ベツ</t>
    </rPh>
    <rPh sb="47" eb="49">
      <t>シテイ</t>
    </rPh>
    <rPh sb="52" eb="54">
      <t>ヒツヨウ</t>
    </rPh>
    <phoneticPr fontId="1"/>
  </si>
  <si>
    <t>会場一覧
（変更後のみ）</t>
    <rPh sb="0" eb="2">
      <t>カイジョウ</t>
    </rPh>
    <rPh sb="2" eb="4">
      <t>イチラン</t>
    </rPh>
    <phoneticPr fontId="1"/>
  </si>
  <si>
    <t>会場平面図
（変更後のみ）</t>
    <rPh sb="0" eb="2">
      <t>カイジョウ</t>
    </rPh>
    <rPh sb="2" eb="5">
      <t>ヘイメンズ</t>
    </rPh>
    <phoneticPr fontId="1"/>
  </si>
  <si>
    <t>備品一覧
（変更後のみ）</t>
    <rPh sb="0" eb="2">
      <t>ビヒン</t>
    </rPh>
    <rPh sb="2" eb="4">
      <t>イチラン</t>
    </rPh>
    <phoneticPr fontId="1"/>
  </si>
  <si>
    <t>総合生活支援技術演習計画書
（変更後のみ）</t>
    <rPh sb="0" eb="2">
      <t>ソウゴウ</t>
    </rPh>
    <rPh sb="2" eb="4">
      <t>セイカツ</t>
    </rPh>
    <rPh sb="4" eb="6">
      <t>シエン</t>
    </rPh>
    <rPh sb="6" eb="8">
      <t>ギジュツ</t>
    </rPh>
    <rPh sb="8" eb="10">
      <t>エンシュウ</t>
    </rPh>
    <rPh sb="10" eb="13">
      <t>ケイカクショ</t>
    </rPh>
    <phoneticPr fontId="1"/>
  </si>
  <si>
    <t>会場平面図
（変更後のみ）
（会場を追加する場合：追加会場の平面図のみ添付）</t>
    <rPh sb="0" eb="2">
      <t>カイジョウ</t>
    </rPh>
    <rPh sb="2" eb="5">
      <t>ヘイメンズ</t>
    </rPh>
    <rPh sb="15" eb="17">
      <t>カイジョウ</t>
    </rPh>
    <rPh sb="18" eb="20">
      <t>ツイカ</t>
    </rPh>
    <rPh sb="22" eb="24">
      <t>バアイ</t>
    </rPh>
    <rPh sb="25" eb="27">
      <t>ツイカ</t>
    </rPh>
    <rPh sb="27" eb="29">
      <t>カイジョウ</t>
    </rPh>
    <rPh sb="30" eb="33">
      <t>ヘイメンズ</t>
    </rPh>
    <rPh sb="35" eb="37">
      <t>テンプ</t>
    </rPh>
    <phoneticPr fontId="1"/>
  </si>
  <si>
    <t>賃貸借契約書
（会場を追加する場合：追加会場の契約書のみ添付）</t>
    <rPh sb="0" eb="3">
      <t>チンタイシャク</t>
    </rPh>
    <rPh sb="3" eb="5">
      <t>ケイヤク</t>
    </rPh>
    <rPh sb="5" eb="6">
      <t>ショ</t>
    </rPh>
    <rPh sb="23" eb="25">
      <t>ケイヤク</t>
    </rPh>
    <rPh sb="25" eb="26">
      <t>ショ</t>
    </rPh>
    <rPh sb="28" eb="30">
      <t>テンプ</t>
    </rPh>
    <phoneticPr fontId="1"/>
  </si>
  <si>
    <t>使用備品一覧
（変更後のみ）</t>
    <rPh sb="0" eb="2">
      <t>シヨウ</t>
    </rPh>
    <rPh sb="2" eb="4">
      <t>ビヒン</t>
    </rPh>
    <rPh sb="4" eb="6">
      <t>イチラン</t>
    </rPh>
    <phoneticPr fontId="1"/>
  </si>
  <si>
    <t>見学・実習施設一覧
（変更後のみ）</t>
    <rPh sb="0" eb="2">
      <t>ケンガク</t>
    </rPh>
    <rPh sb="3" eb="5">
      <t>ジッシュウ</t>
    </rPh>
    <rPh sb="5" eb="7">
      <t>シセツ</t>
    </rPh>
    <rPh sb="7" eb="9">
      <t>イチラン</t>
    </rPh>
    <phoneticPr fontId="1"/>
  </si>
  <si>
    <t>カリキュラム表
（変更後のみ）</t>
    <rPh sb="6" eb="7">
      <t>ヒョウ</t>
    </rPh>
    <phoneticPr fontId="1"/>
  </si>
  <si>
    <t>標準研修日程表
（変更後のみ）</t>
    <rPh sb="0" eb="2">
      <t>ヒョウジュン</t>
    </rPh>
    <rPh sb="2" eb="4">
      <t>ケンシュウ</t>
    </rPh>
    <rPh sb="4" eb="6">
      <t>ニッテイ</t>
    </rPh>
    <rPh sb="6" eb="7">
      <t>ヒョウ</t>
    </rPh>
    <phoneticPr fontId="1"/>
  </si>
  <si>
    <t>技術演習に係る
習得度評価チェックリスト
（実技演習科目の内容を変更の場合）
（変更後のみ）</t>
    <rPh sb="0" eb="2">
      <t>ギジュツ</t>
    </rPh>
    <rPh sb="2" eb="4">
      <t>エンシュウ</t>
    </rPh>
    <rPh sb="5" eb="6">
      <t>カカワ</t>
    </rPh>
    <rPh sb="8" eb="10">
      <t>シュウトク</t>
    </rPh>
    <rPh sb="10" eb="11">
      <t>ド</t>
    </rPh>
    <rPh sb="11" eb="13">
      <t>ヒョウカ</t>
    </rPh>
    <rPh sb="22" eb="24">
      <t>ジツギ</t>
    </rPh>
    <rPh sb="24" eb="26">
      <t>エンシュウ</t>
    </rPh>
    <rPh sb="26" eb="28">
      <t>カモク</t>
    </rPh>
    <rPh sb="29" eb="31">
      <t>ナイヨウ</t>
    </rPh>
    <rPh sb="32" eb="34">
      <t>ヘンコウ</t>
    </rPh>
    <rPh sb="35" eb="37">
      <t>バアイ</t>
    </rPh>
    <phoneticPr fontId="1"/>
  </si>
  <si>
    <t>修了評価試験問題及び解答
（変更後のみ）</t>
    <rPh sb="0" eb="2">
      <t>シュウリョウ</t>
    </rPh>
    <rPh sb="2" eb="4">
      <t>ヒョウカ</t>
    </rPh>
    <rPh sb="4" eb="6">
      <t>シケン</t>
    </rPh>
    <rPh sb="6" eb="8">
      <t>モンダイ</t>
    </rPh>
    <rPh sb="8" eb="9">
      <t>オヨ</t>
    </rPh>
    <rPh sb="10" eb="12">
      <t>カイトウ</t>
    </rPh>
    <phoneticPr fontId="1"/>
  </si>
  <si>
    <t>通信添削課題
（変更後のみ）</t>
    <rPh sb="0" eb="2">
      <t>ツウシン</t>
    </rPh>
    <rPh sb="2" eb="4">
      <t>テンサク</t>
    </rPh>
    <rPh sb="4" eb="6">
      <t>カダイ</t>
    </rPh>
    <phoneticPr fontId="1"/>
  </si>
  <si>
    <t xml:space="preserve">通信添削課題解答・解説
（変更後のみ）
</t>
    <rPh sb="0" eb="2">
      <t>ツウシン</t>
    </rPh>
    <rPh sb="2" eb="4">
      <t>テンサク</t>
    </rPh>
    <rPh sb="4" eb="6">
      <t>カダイ</t>
    </rPh>
    <rPh sb="6" eb="8">
      <t>カイトウ</t>
    </rPh>
    <phoneticPr fontId="1"/>
  </si>
  <si>
    <t>①</t>
    <phoneticPr fontId="1"/>
  </si>
  <si>
    <t>－</t>
    <phoneticPr fontId="1"/>
  </si>
  <si>
    <t>②</t>
    <phoneticPr fontId="1"/>
  </si>
  <si>
    <t>通信添削課題提出期限
【通信課程の場合のみ】</t>
    <phoneticPr fontId="1"/>
  </si>
  <si>
    <t>記載方法は『記載例』を確認の上、記載漏れがないか確認をしましたか。</t>
    <phoneticPr fontId="1"/>
  </si>
  <si>
    <t>③</t>
    <phoneticPr fontId="1"/>
  </si>
  <si>
    <t>④</t>
    <phoneticPr fontId="1"/>
  </si>
  <si>
    <t>時間数、カリキュラム順は提出している標準日程表と照らしあわせ相違はないか確認をしましたか。
やむを得ず、日程表の順番が変わる場合は、下記の連絡事項に理由や今回のみの変更か等を記載すること。</t>
    <rPh sb="0" eb="3">
      <t>ジカンスウ</t>
    </rPh>
    <rPh sb="10" eb="11">
      <t>ジュン</t>
    </rPh>
    <rPh sb="12" eb="14">
      <t>テイシュツ</t>
    </rPh>
    <rPh sb="18" eb="20">
      <t>ヒョウジュン</t>
    </rPh>
    <rPh sb="20" eb="22">
      <t>ニッテイ</t>
    </rPh>
    <rPh sb="22" eb="23">
      <t>ヒョウ</t>
    </rPh>
    <rPh sb="24" eb="25">
      <t>テ</t>
    </rPh>
    <rPh sb="30" eb="32">
      <t>ソウイ</t>
    </rPh>
    <rPh sb="36" eb="38">
      <t>カクニン</t>
    </rPh>
    <rPh sb="49" eb="50">
      <t>エ</t>
    </rPh>
    <rPh sb="52" eb="54">
      <t>ニッテイ</t>
    </rPh>
    <rPh sb="54" eb="55">
      <t>ヒョウ</t>
    </rPh>
    <rPh sb="56" eb="58">
      <t>ジュンバン</t>
    </rPh>
    <rPh sb="59" eb="60">
      <t>カ</t>
    </rPh>
    <rPh sb="62" eb="64">
      <t>バアイ</t>
    </rPh>
    <rPh sb="66" eb="68">
      <t>カキ</t>
    </rPh>
    <rPh sb="69" eb="71">
      <t>レンラク</t>
    </rPh>
    <rPh sb="71" eb="73">
      <t>ジコウ</t>
    </rPh>
    <rPh sb="74" eb="76">
      <t>リユウ</t>
    </rPh>
    <rPh sb="77" eb="79">
      <t>コンカイ</t>
    </rPh>
    <rPh sb="82" eb="84">
      <t>ヘンコウ</t>
    </rPh>
    <rPh sb="85" eb="86">
      <t>トウ</t>
    </rPh>
    <rPh sb="87" eb="89">
      <t>キサイ</t>
    </rPh>
    <phoneticPr fontId="1"/>
  </si>
  <si>
    <t>会場使用許可書等
【その都度、使用承諾を取り交わす会場の場合のみ添付】</t>
    <rPh sb="0" eb="2">
      <t>カイジョウ</t>
    </rPh>
    <rPh sb="2" eb="4">
      <t>シヨウ</t>
    </rPh>
    <rPh sb="4" eb="7">
      <t>キョカショ</t>
    </rPh>
    <rPh sb="7" eb="8">
      <t>ナド</t>
    </rPh>
    <rPh sb="12" eb="14">
      <t>ツド</t>
    </rPh>
    <rPh sb="15" eb="17">
      <t>シヨウ</t>
    </rPh>
    <rPh sb="17" eb="19">
      <t>ショウダク</t>
    </rPh>
    <rPh sb="20" eb="21">
      <t>ト</t>
    </rPh>
    <rPh sb="22" eb="23">
      <t>カ</t>
    </rPh>
    <rPh sb="25" eb="27">
      <t>カイジョウ</t>
    </rPh>
    <rPh sb="28" eb="30">
      <t>バアイ</t>
    </rPh>
    <rPh sb="32" eb="34">
      <t>テンプ</t>
    </rPh>
    <phoneticPr fontId="1"/>
  </si>
  <si>
    <t>自立支援</t>
    <phoneticPr fontId="12"/>
  </si>
  <si>
    <t>感染対策</t>
    <rPh sb="2" eb="4">
      <t>タイサク</t>
    </rPh>
    <phoneticPr fontId="12"/>
  </si>
  <si>
    <t>介護職の健康管理（腰痛予防・感染予防）</t>
    <rPh sb="9" eb="11">
      <t>ヨウツウ</t>
    </rPh>
    <rPh sb="11" eb="13">
      <t>ヨボウ</t>
    </rPh>
    <rPh sb="14" eb="16">
      <t>カンセン</t>
    </rPh>
    <rPh sb="16" eb="18">
      <t>ヨボウ</t>
    </rPh>
    <phoneticPr fontId="12"/>
  </si>
  <si>
    <t>ケアカンファレンス</t>
    <phoneticPr fontId="1"/>
  </si>
  <si>
    <t>認知症利用者への対応（生活環境、コミュニケーション）</t>
    <rPh sb="11" eb="13">
      <t>セイカツ</t>
    </rPh>
    <rPh sb="13" eb="15">
      <t>カンキョウ</t>
    </rPh>
    <phoneticPr fontId="12"/>
  </si>
  <si>
    <t>レスパイト</t>
    <phoneticPr fontId="1"/>
  </si>
  <si>
    <t>介護過程の目的・意義・展開</t>
    <rPh sb="0" eb="2">
      <t>カイゴ</t>
    </rPh>
    <rPh sb="2" eb="4">
      <t>カテイ</t>
    </rPh>
    <rPh sb="5" eb="7">
      <t>モクテキ</t>
    </rPh>
    <rPh sb="8" eb="10">
      <t>イギ</t>
    </rPh>
    <rPh sb="11" eb="13">
      <t>テンカイ</t>
    </rPh>
    <phoneticPr fontId="1"/>
  </si>
  <si>
    <t>介護過程とチームアプローチ</t>
    <rPh sb="0" eb="2">
      <t>カイゴ</t>
    </rPh>
    <rPh sb="2" eb="4">
      <t>カテイ</t>
    </rPh>
    <phoneticPr fontId="1"/>
  </si>
  <si>
    <t>7(3)</t>
    <phoneticPr fontId="1"/>
  </si>
  <si>
    <t>1(1)
21
別紙10</t>
    <rPh sb="8" eb="10">
      <t>ベッシ</t>
    </rPh>
    <phoneticPr fontId="1"/>
  </si>
  <si>
    <t>【時間数の増減の場合】
変更後のカリキュラム表と各科目及び項目が一致しているか確認しましたか。</t>
    <rPh sb="1" eb="4">
      <t>ジカンスウ</t>
    </rPh>
    <rPh sb="5" eb="7">
      <t>ゾウゲン</t>
    </rPh>
    <rPh sb="8" eb="10">
      <t>バアイ</t>
    </rPh>
    <rPh sb="12" eb="14">
      <t>ヘンコウ</t>
    </rPh>
    <rPh sb="14" eb="15">
      <t>ゴ</t>
    </rPh>
    <rPh sb="22" eb="23">
      <t>ヒョウ</t>
    </rPh>
    <rPh sb="24" eb="25">
      <t>カク</t>
    </rPh>
    <rPh sb="25" eb="27">
      <t>カモク</t>
    </rPh>
    <rPh sb="27" eb="28">
      <t>オヨ</t>
    </rPh>
    <rPh sb="29" eb="31">
      <t>コウモク</t>
    </rPh>
    <rPh sb="32" eb="34">
      <t>イッチ</t>
    </rPh>
    <rPh sb="39" eb="41">
      <t>カクニン</t>
    </rPh>
    <phoneticPr fontId="1"/>
  </si>
  <si>
    <t>【カリキュラム内容変更の場合】
指定基準を確認の上、各科目の内容を網羅しているか確認しましたか。</t>
    <rPh sb="7" eb="9">
      <t>ナイヨウ</t>
    </rPh>
    <rPh sb="9" eb="11">
      <t>ヘンコウ</t>
    </rPh>
    <rPh sb="12" eb="14">
      <t>バアイ</t>
    </rPh>
    <rPh sb="26" eb="27">
      <t>カク</t>
    </rPh>
    <rPh sb="27" eb="29">
      <t>カモク</t>
    </rPh>
    <phoneticPr fontId="1"/>
  </si>
  <si>
    <t>注意点及び説明等</t>
    <rPh sb="0" eb="3">
      <t>チュウイテン</t>
    </rPh>
    <rPh sb="3" eb="4">
      <t>オヨ</t>
    </rPh>
    <rPh sb="5" eb="7">
      <t>セツメイ</t>
    </rPh>
    <rPh sb="7" eb="8">
      <t>トウ</t>
    </rPh>
    <phoneticPr fontId="1"/>
  </si>
  <si>
    <t>開示情報をwordにうちだすだけでは不可とします。
ホームページにアップロードできる状態のプレビュー画面などを添付。（注：指定を受けるまでは、当該研修の情報をアップロードすることはできません。）</t>
    <rPh sb="0" eb="2">
      <t>カイジ</t>
    </rPh>
    <rPh sb="2" eb="4">
      <t>ジョウホウ</t>
    </rPh>
    <rPh sb="18" eb="20">
      <t>フカ</t>
    </rPh>
    <rPh sb="42" eb="44">
      <t>ジョウタイ</t>
    </rPh>
    <rPh sb="50" eb="52">
      <t>ガメン</t>
    </rPh>
    <rPh sb="55" eb="57">
      <t>テンプ</t>
    </rPh>
    <rPh sb="59" eb="60">
      <t>チュウ</t>
    </rPh>
    <rPh sb="61" eb="63">
      <t>シテイ</t>
    </rPh>
    <rPh sb="64" eb="65">
      <t>ウ</t>
    </rPh>
    <rPh sb="71" eb="73">
      <t>トウガイ</t>
    </rPh>
    <rPh sb="73" eb="75">
      <t>ケンシュウ</t>
    </rPh>
    <rPh sb="76" eb="78">
      <t>ジョウホウ</t>
    </rPh>
    <phoneticPr fontId="1"/>
  </si>
  <si>
    <t>※※注意※※
講師は、1回の研修で担当をしないから削除するのではなく、今後の研修で担当する可能性があれば削除をしないこと。退職等により、今後一切研修を担当しないのであれば、削除をしても構いません。</t>
    <rPh sb="2" eb="4">
      <t>チュウイ</t>
    </rPh>
    <rPh sb="7" eb="9">
      <t>コウシ</t>
    </rPh>
    <rPh sb="12" eb="13">
      <t>カイ</t>
    </rPh>
    <rPh sb="14" eb="16">
      <t>ケンシュウ</t>
    </rPh>
    <rPh sb="17" eb="19">
      <t>タントウ</t>
    </rPh>
    <rPh sb="25" eb="27">
      <t>サクジョ</t>
    </rPh>
    <rPh sb="35" eb="37">
      <t>コンゴ</t>
    </rPh>
    <rPh sb="38" eb="40">
      <t>ケンシュウ</t>
    </rPh>
    <rPh sb="41" eb="43">
      <t>タントウ</t>
    </rPh>
    <rPh sb="45" eb="47">
      <t>カノウ</t>
    </rPh>
    <rPh sb="47" eb="48">
      <t>セイ</t>
    </rPh>
    <rPh sb="52" eb="54">
      <t>サクジョ</t>
    </rPh>
    <rPh sb="61" eb="63">
      <t>タイショク</t>
    </rPh>
    <rPh sb="63" eb="64">
      <t>トウ</t>
    </rPh>
    <rPh sb="68" eb="70">
      <t>コンゴ</t>
    </rPh>
    <rPh sb="70" eb="72">
      <t>イッサイ</t>
    </rPh>
    <rPh sb="72" eb="74">
      <t>ケンシュウ</t>
    </rPh>
    <rPh sb="75" eb="77">
      <t>タントウ</t>
    </rPh>
    <rPh sb="86" eb="88">
      <t>サクジョ</t>
    </rPh>
    <rPh sb="92" eb="93">
      <t>カマ</t>
    </rPh>
    <phoneticPr fontId="1"/>
  </si>
  <si>
    <t>※必要添付書類と注意点を確認したらレ点を、不要書類の場合は×を記載してください。</t>
    <rPh sb="1" eb="3">
      <t>ヒツヨウ</t>
    </rPh>
    <rPh sb="3" eb="5">
      <t>テンプ</t>
    </rPh>
    <rPh sb="5" eb="7">
      <t>ショルイ</t>
    </rPh>
    <rPh sb="8" eb="11">
      <t>チュウイテン</t>
    </rPh>
    <rPh sb="12" eb="14">
      <t>カクニン</t>
    </rPh>
    <rPh sb="18" eb="19">
      <t>テン</t>
    </rPh>
    <rPh sb="21" eb="23">
      <t>フヨウ</t>
    </rPh>
    <rPh sb="23" eb="25">
      <t>ショルイ</t>
    </rPh>
    <rPh sb="26" eb="28">
      <t>バアイ</t>
    </rPh>
    <rPh sb="31" eb="33">
      <t>キサイ</t>
    </rPh>
    <phoneticPr fontId="1"/>
  </si>
  <si>
    <t>※指定様式欄に様式名が記載されている場合は、指定された様式を使用して作成してください。
  「-」の場合は様式は特に指定はありません。</t>
    <rPh sb="1" eb="3">
      <t>シテイ</t>
    </rPh>
    <rPh sb="3" eb="5">
      <t>ヨウシキ</t>
    </rPh>
    <rPh sb="5" eb="6">
      <t>ラン</t>
    </rPh>
    <rPh sb="7" eb="9">
      <t>ヨウシキ</t>
    </rPh>
    <rPh sb="9" eb="10">
      <t>メイ</t>
    </rPh>
    <rPh sb="11" eb="13">
      <t>キサイ</t>
    </rPh>
    <rPh sb="18" eb="20">
      <t>バアイ</t>
    </rPh>
    <rPh sb="22" eb="24">
      <t>シテイ</t>
    </rPh>
    <rPh sb="27" eb="29">
      <t>ヨウシキ</t>
    </rPh>
    <rPh sb="30" eb="32">
      <t>シヨウ</t>
    </rPh>
    <rPh sb="34" eb="36">
      <t>サクセイ</t>
    </rPh>
    <rPh sb="50" eb="52">
      <t>バアイ</t>
    </rPh>
    <rPh sb="53" eb="55">
      <t>ヨウシキ</t>
    </rPh>
    <rPh sb="56" eb="57">
      <t>トク</t>
    </rPh>
    <rPh sb="58" eb="60">
      <t>シテイ</t>
    </rPh>
    <phoneticPr fontId="1"/>
  </si>
  <si>
    <t>申請日前３ヶ月以内に発行された原本を提出してください。</t>
    <rPh sb="0" eb="2">
      <t>シンセイ</t>
    </rPh>
    <rPh sb="2" eb="3">
      <t>ヒ</t>
    </rPh>
    <rPh sb="3" eb="4">
      <t>マエ</t>
    </rPh>
    <rPh sb="6" eb="7">
      <t>ゲツ</t>
    </rPh>
    <rPh sb="7" eb="9">
      <t>イナイ</t>
    </rPh>
    <rPh sb="10" eb="12">
      <t>ハッコウ</t>
    </rPh>
    <rPh sb="15" eb="17">
      <t>ゲンポン</t>
    </rPh>
    <rPh sb="18" eb="20">
      <t>テイシュツ</t>
    </rPh>
    <phoneticPr fontId="1"/>
  </si>
  <si>
    <t>貸借対照表（バランスシート）を含む、直近の決算報告書を提出してください。</t>
    <rPh sb="0" eb="2">
      <t>タイシャク</t>
    </rPh>
    <rPh sb="2" eb="5">
      <t>タイショウヒョウ</t>
    </rPh>
    <rPh sb="15" eb="16">
      <t>フク</t>
    </rPh>
    <rPh sb="18" eb="20">
      <t>チョッキン</t>
    </rPh>
    <rPh sb="21" eb="23">
      <t>ケッサン</t>
    </rPh>
    <rPh sb="23" eb="25">
      <t>ホウコク</t>
    </rPh>
    <rPh sb="25" eb="26">
      <t>ショ</t>
    </rPh>
    <rPh sb="27" eb="29">
      <t>テイシュツ</t>
    </rPh>
    <phoneticPr fontId="1"/>
  </si>
  <si>
    <t>⑦の計画に関する収支予算書を年度毎に作成してください。</t>
    <rPh sb="2" eb="4">
      <t>ケイカク</t>
    </rPh>
    <rPh sb="5" eb="6">
      <t>カン</t>
    </rPh>
    <rPh sb="8" eb="10">
      <t>シュウシ</t>
    </rPh>
    <rPh sb="10" eb="12">
      <t>ヨサン</t>
    </rPh>
    <rPh sb="12" eb="13">
      <t>ショ</t>
    </rPh>
    <rPh sb="14" eb="16">
      <t>ネンド</t>
    </rPh>
    <rPh sb="16" eb="17">
      <t>ゴト</t>
    </rPh>
    <rPh sb="18" eb="20">
      <t>サクセイ</t>
    </rPh>
    <phoneticPr fontId="1"/>
  </si>
  <si>
    <t>※指定様式欄に様式名が記載されている場合は、指定された様式を使用して作成してください。
　「-」の場合は特に様式の指定はありません。</t>
    <rPh sb="1" eb="3">
      <t>シテイ</t>
    </rPh>
    <rPh sb="3" eb="5">
      <t>ヨウシキ</t>
    </rPh>
    <rPh sb="5" eb="6">
      <t>ラン</t>
    </rPh>
    <rPh sb="7" eb="9">
      <t>ヨウシキ</t>
    </rPh>
    <rPh sb="9" eb="10">
      <t>メイ</t>
    </rPh>
    <rPh sb="11" eb="13">
      <t>キサイ</t>
    </rPh>
    <rPh sb="18" eb="20">
      <t>バアイ</t>
    </rPh>
    <rPh sb="22" eb="24">
      <t>シテイ</t>
    </rPh>
    <rPh sb="27" eb="29">
      <t>ヨウシキ</t>
    </rPh>
    <rPh sb="30" eb="32">
      <t>シヨウ</t>
    </rPh>
    <rPh sb="34" eb="36">
      <t>サクセイ</t>
    </rPh>
    <rPh sb="49" eb="51">
      <t>バアイ</t>
    </rPh>
    <rPh sb="52" eb="53">
      <t>トク</t>
    </rPh>
    <rPh sb="54" eb="56">
      <t>ヨウシキ</t>
    </rPh>
    <rPh sb="57" eb="59">
      <t>シテイ</t>
    </rPh>
    <phoneticPr fontId="1"/>
  </si>
  <si>
    <t>※※注意※※
講師は、1回の研修で担当する項目のみ届け出るのはなく、今後行う研修でも担当する講師、担当しうる項目もあわせて届出をしてください。</t>
    <rPh sb="2" eb="4">
      <t>チュウイ</t>
    </rPh>
    <rPh sb="7" eb="9">
      <t>コウシ</t>
    </rPh>
    <rPh sb="12" eb="13">
      <t>カイ</t>
    </rPh>
    <rPh sb="14" eb="16">
      <t>ケンシュウ</t>
    </rPh>
    <rPh sb="17" eb="19">
      <t>タントウ</t>
    </rPh>
    <rPh sb="21" eb="23">
      <t>コウモク</t>
    </rPh>
    <rPh sb="25" eb="26">
      <t>トド</t>
    </rPh>
    <rPh sb="27" eb="28">
      <t>デ</t>
    </rPh>
    <rPh sb="34" eb="36">
      <t>コンゴ</t>
    </rPh>
    <rPh sb="36" eb="37">
      <t>オコナ</t>
    </rPh>
    <rPh sb="38" eb="40">
      <t>ケンシュウ</t>
    </rPh>
    <rPh sb="42" eb="44">
      <t>タントウ</t>
    </rPh>
    <rPh sb="46" eb="48">
      <t>コウシ</t>
    </rPh>
    <rPh sb="49" eb="51">
      <t>タントウ</t>
    </rPh>
    <rPh sb="54" eb="56">
      <t>コウモク</t>
    </rPh>
    <rPh sb="61" eb="62">
      <t>トドケ</t>
    </rPh>
    <rPh sb="62" eb="63">
      <t>デ</t>
    </rPh>
    <phoneticPr fontId="1"/>
  </si>
  <si>
    <t>別添様式18（講師履歴）のフォーマットを参考に履歴を作成してください。</t>
    <rPh sb="0" eb="2">
      <t>ベッテン</t>
    </rPh>
    <rPh sb="2" eb="4">
      <t>ヨウシキ</t>
    </rPh>
    <rPh sb="7" eb="9">
      <t>コウシ</t>
    </rPh>
    <rPh sb="9" eb="11">
      <t>リレキ</t>
    </rPh>
    <rPh sb="20" eb="22">
      <t>サンコウ</t>
    </rPh>
    <rPh sb="23" eb="25">
      <t>リレキ</t>
    </rPh>
    <rPh sb="26" eb="28">
      <t>サクセイ</t>
    </rPh>
    <phoneticPr fontId="1"/>
  </si>
  <si>
    <t>会場が賃貸の場合は、賃貸契約書の写しを、長期の使用承諾を受けている場合は使用承諾書の写しを提出してください。（法人で所有している会場の場合は添付書類は不要です。）</t>
    <rPh sb="0" eb="2">
      <t>カイジョウ</t>
    </rPh>
    <rPh sb="3" eb="5">
      <t>チンタイ</t>
    </rPh>
    <rPh sb="6" eb="8">
      <t>バアイ</t>
    </rPh>
    <rPh sb="10" eb="12">
      <t>チンタイ</t>
    </rPh>
    <rPh sb="12" eb="14">
      <t>ケイヤク</t>
    </rPh>
    <rPh sb="14" eb="15">
      <t>ショ</t>
    </rPh>
    <rPh sb="16" eb="17">
      <t>ウツ</t>
    </rPh>
    <rPh sb="20" eb="22">
      <t>チョウキ</t>
    </rPh>
    <rPh sb="23" eb="25">
      <t>シヨウ</t>
    </rPh>
    <rPh sb="25" eb="27">
      <t>ショウダク</t>
    </rPh>
    <rPh sb="28" eb="29">
      <t>ウ</t>
    </rPh>
    <rPh sb="33" eb="35">
      <t>バアイ</t>
    </rPh>
    <rPh sb="36" eb="38">
      <t>シヨウ</t>
    </rPh>
    <rPh sb="38" eb="40">
      <t>ショウダク</t>
    </rPh>
    <rPh sb="40" eb="41">
      <t>ショ</t>
    </rPh>
    <rPh sb="42" eb="43">
      <t>ウツ</t>
    </rPh>
    <rPh sb="45" eb="47">
      <t>テイシュツ</t>
    </rPh>
    <rPh sb="55" eb="57">
      <t>ホウジン</t>
    </rPh>
    <rPh sb="58" eb="60">
      <t>ショユウ</t>
    </rPh>
    <rPh sb="64" eb="66">
      <t>カイジョウ</t>
    </rPh>
    <rPh sb="67" eb="68">
      <t>バ</t>
    </rPh>
    <rPh sb="68" eb="69">
      <t>ゴウ</t>
    </rPh>
    <rPh sb="70" eb="72">
      <t>テンプ</t>
    </rPh>
    <rPh sb="72" eb="74">
      <t>ショルイ</t>
    </rPh>
    <rPh sb="75" eb="77">
      <t>フヨウ</t>
    </rPh>
    <phoneticPr fontId="1"/>
  </si>
  <si>
    <t>主要な備品は全て記載し、省略しないこと。会場毎に備品数が異なる場合は、それぞれの会場毎に一覧を作成してください。</t>
    <rPh sb="0" eb="2">
      <t>シュヨウ</t>
    </rPh>
    <rPh sb="3" eb="5">
      <t>ビヒン</t>
    </rPh>
    <rPh sb="6" eb="7">
      <t>スベ</t>
    </rPh>
    <rPh sb="8" eb="10">
      <t>キサイ</t>
    </rPh>
    <rPh sb="12" eb="14">
      <t>ショウリャク</t>
    </rPh>
    <rPh sb="20" eb="22">
      <t>カイジョウ</t>
    </rPh>
    <rPh sb="22" eb="23">
      <t>ゴト</t>
    </rPh>
    <rPh sb="24" eb="26">
      <t>ビヒン</t>
    </rPh>
    <rPh sb="26" eb="27">
      <t>スウ</t>
    </rPh>
    <rPh sb="28" eb="29">
      <t>コト</t>
    </rPh>
    <rPh sb="31" eb="33">
      <t>バアイ</t>
    </rPh>
    <rPh sb="40" eb="42">
      <t>カイジョウ</t>
    </rPh>
    <rPh sb="42" eb="43">
      <t>ゴト</t>
    </rPh>
    <rPh sb="44" eb="46">
      <t>イチラン</t>
    </rPh>
    <rPh sb="47" eb="49">
      <t>サクセイ</t>
    </rPh>
    <phoneticPr fontId="1"/>
  </si>
  <si>
    <t>※指定様式欄に様式名が記載されている場合は、指定された様式を使用して作成してください。
「-」の場合は特に様式の指定はありません。</t>
    <rPh sb="1" eb="3">
      <t>シテイ</t>
    </rPh>
    <rPh sb="3" eb="5">
      <t>ヨウシキ</t>
    </rPh>
    <rPh sb="5" eb="6">
      <t>ラン</t>
    </rPh>
    <rPh sb="7" eb="9">
      <t>ヨウシキ</t>
    </rPh>
    <rPh sb="9" eb="10">
      <t>メイ</t>
    </rPh>
    <rPh sb="11" eb="13">
      <t>キサイ</t>
    </rPh>
    <rPh sb="18" eb="20">
      <t>バアイ</t>
    </rPh>
    <rPh sb="22" eb="24">
      <t>シテイ</t>
    </rPh>
    <rPh sb="27" eb="29">
      <t>ヨウシキ</t>
    </rPh>
    <rPh sb="30" eb="32">
      <t>シヨウ</t>
    </rPh>
    <rPh sb="34" eb="36">
      <t>サクセイ</t>
    </rPh>
    <rPh sb="48" eb="50">
      <t>バアイ</t>
    </rPh>
    <rPh sb="51" eb="52">
      <t>トク</t>
    </rPh>
    <rPh sb="53" eb="55">
      <t>ヨウシキ</t>
    </rPh>
    <rPh sb="56" eb="58">
      <t>シテイ</t>
    </rPh>
    <phoneticPr fontId="1"/>
  </si>
  <si>
    <t>※※注意※※
事業指定に関する変更、研修指定に関する変更の両方に変更がある場合は、それぞれ変更届を作成し、
それぞれにチェック表を添付してください。1つの届出で両方の内容を届出することはできません。</t>
    <rPh sb="2" eb="4">
      <t>チュウイ</t>
    </rPh>
    <rPh sb="63" eb="64">
      <t>ヒョウ</t>
    </rPh>
    <rPh sb="77" eb="78">
      <t>トドケ</t>
    </rPh>
    <rPh sb="78" eb="79">
      <t>デ</t>
    </rPh>
    <rPh sb="80" eb="82">
      <t>リョウホウ</t>
    </rPh>
    <rPh sb="83" eb="85">
      <t>ナイヨウ</t>
    </rPh>
    <rPh sb="86" eb="87">
      <t>トドケ</t>
    </rPh>
    <rPh sb="87" eb="88">
      <t>デ</t>
    </rPh>
    <phoneticPr fontId="1"/>
  </si>
  <si>
    <t>原本を添付してください。</t>
    <rPh sb="0" eb="2">
      <t>ゲンポン</t>
    </rPh>
    <rPh sb="3" eb="5">
      <t>テンプ</t>
    </rPh>
    <phoneticPr fontId="1"/>
  </si>
  <si>
    <t>学則にも記載の事項のため、学則の変更も必要になる場合がありますので注意してください。</t>
    <rPh sb="0" eb="2">
      <t>ガクソク</t>
    </rPh>
    <rPh sb="4" eb="6">
      <t>キサイ</t>
    </rPh>
    <rPh sb="7" eb="9">
      <t>ジコウ</t>
    </rPh>
    <rPh sb="13" eb="15">
      <t>ガクソク</t>
    </rPh>
    <rPh sb="16" eb="18">
      <t>ヘンコウ</t>
    </rPh>
    <rPh sb="19" eb="21">
      <t>ヒツヨウ</t>
    </rPh>
    <rPh sb="24" eb="26">
      <t>バアイ</t>
    </rPh>
    <rPh sb="33" eb="35">
      <t>チュウイ</t>
    </rPh>
    <phoneticPr fontId="1"/>
  </si>
  <si>
    <t>テキスト変更に伴い、受講料の内訳が変わる場合はあわせて修正をしてください。</t>
    <rPh sb="4" eb="6">
      <t>ヘンコウ</t>
    </rPh>
    <rPh sb="7" eb="8">
      <t>トモナ</t>
    </rPh>
    <rPh sb="10" eb="13">
      <t>ジュコウリョウ</t>
    </rPh>
    <rPh sb="14" eb="16">
      <t>ウチワケ</t>
    </rPh>
    <rPh sb="17" eb="18">
      <t>カ</t>
    </rPh>
    <rPh sb="20" eb="22">
      <t>バアイ</t>
    </rPh>
    <rPh sb="27" eb="29">
      <t>シュウセイ</t>
    </rPh>
    <phoneticPr fontId="1"/>
  </si>
  <si>
    <t>定員の増減に伴い備品数を変更した場合は、備品を配置している平面図も変更をしてください。</t>
    <rPh sb="0" eb="2">
      <t>テイイン</t>
    </rPh>
    <rPh sb="3" eb="5">
      <t>ゾウゲン</t>
    </rPh>
    <rPh sb="6" eb="7">
      <t>トモナ</t>
    </rPh>
    <rPh sb="8" eb="10">
      <t>ビヒン</t>
    </rPh>
    <rPh sb="10" eb="11">
      <t>スウ</t>
    </rPh>
    <rPh sb="12" eb="14">
      <t>ヘンコウ</t>
    </rPh>
    <rPh sb="16" eb="18">
      <t>バアイ</t>
    </rPh>
    <rPh sb="20" eb="22">
      <t>ビヒン</t>
    </rPh>
    <rPh sb="23" eb="25">
      <t>ハイチ</t>
    </rPh>
    <rPh sb="29" eb="32">
      <t>ヘイメンズ</t>
    </rPh>
    <rPh sb="33" eb="35">
      <t>ヘンコウ</t>
    </rPh>
    <phoneticPr fontId="1"/>
  </si>
  <si>
    <t>講義、演習の場合の備品を設置した平面図を添付してください。</t>
    <rPh sb="0" eb="2">
      <t>コウギ</t>
    </rPh>
    <rPh sb="3" eb="5">
      <t>エンシュウ</t>
    </rPh>
    <rPh sb="6" eb="8">
      <t>バアイ</t>
    </rPh>
    <rPh sb="9" eb="11">
      <t>ビヒン</t>
    </rPh>
    <rPh sb="12" eb="14">
      <t>セッチ</t>
    </rPh>
    <rPh sb="16" eb="19">
      <t>ヘイメンズ</t>
    </rPh>
    <rPh sb="20" eb="22">
      <t>テンプ</t>
    </rPh>
    <phoneticPr fontId="1"/>
  </si>
  <si>
    <t>会場の追加や変更に伴い、使用備品が変更になる場合は添付をしてください。</t>
    <rPh sb="0" eb="2">
      <t>カイジョウ</t>
    </rPh>
    <rPh sb="3" eb="5">
      <t>ツイカ</t>
    </rPh>
    <rPh sb="6" eb="8">
      <t>ヘンコウ</t>
    </rPh>
    <rPh sb="9" eb="10">
      <t>トモナ</t>
    </rPh>
    <rPh sb="12" eb="14">
      <t>シヨウ</t>
    </rPh>
    <rPh sb="14" eb="16">
      <t>ビヒン</t>
    </rPh>
    <rPh sb="17" eb="19">
      <t>ヘンコウ</t>
    </rPh>
    <rPh sb="22" eb="24">
      <t>バアイ</t>
    </rPh>
    <rPh sb="25" eb="27">
      <t>テンプ</t>
    </rPh>
    <phoneticPr fontId="1"/>
  </si>
  <si>
    <t>法人外の施設等で見学・実習を行う場合はコピーを添付してください。
（注：事業者と同法人内の施設・事業所であれば、承諾書の提出は必要ありません。）</t>
    <rPh sb="0" eb="2">
      <t>ホウジン</t>
    </rPh>
    <rPh sb="2" eb="3">
      <t>ガイ</t>
    </rPh>
    <rPh sb="4" eb="6">
      <t>シセツ</t>
    </rPh>
    <rPh sb="6" eb="7">
      <t>トウ</t>
    </rPh>
    <rPh sb="8" eb="10">
      <t>ケンガク</t>
    </rPh>
    <rPh sb="11" eb="13">
      <t>ジッシュウ</t>
    </rPh>
    <rPh sb="14" eb="15">
      <t>オコナ</t>
    </rPh>
    <rPh sb="16" eb="18">
      <t>バアイ</t>
    </rPh>
    <rPh sb="23" eb="25">
      <t>テンプ</t>
    </rPh>
    <phoneticPr fontId="1"/>
  </si>
  <si>
    <r>
      <t>追加会場が賃貸借契約の場合は</t>
    </r>
    <r>
      <rPr>
        <u/>
        <sz val="12"/>
        <color theme="1"/>
        <rFont val="ＭＳ Ｐゴシック"/>
        <family val="3"/>
        <charset val="128"/>
        <scheme val="minor"/>
      </rPr>
      <t>契約書のコピー</t>
    </r>
    <r>
      <rPr>
        <sz val="12"/>
        <color theme="1"/>
        <rFont val="HG丸ｺﾞｼｯｸM-PRO"/>
        <family val="3"/>
        <charset val="128"/>
      </rPr>
      <t>を添付してください。</t>
    </r>
    <rPh sb="0" eb="2">
      <t>ツイカ</t>
    </rPh>
    <rPh sb="2" eb="4">
      <t>カイジョウ</t>
    </rPh>
    <rPh sb="5" eb="8">
      <t>チンタイシャク</t>
    </rPh>
    <rPh sb="8" eb="10">
      <t>ケイヤク</t>
    </rPh>
    <rPh sb="11" eb="13">
      <t>バアイ</t>
    </rPh>
    <rPh sb="14" eb="17">
      <t>ケイヤクショ</t>
    </rPh>
    <rPh sb="22" eb="24">
      <t>テンプ</t>
    </rPh>
    <phoneticPr fontId="1"/>
  </si>
  <si>
    <t>※※コピーを提出してください※※
（原本は事業者で保管すること）</t>
    <rPh sb="6" eb="8">
      <t>テイシュツ</t>
    </rPh>
    <rPh sb="18" eb="20">
      <t>ゲンポン</t>
    </rPh>
    <rPh sb="21" eb="24">
      <t>ジギョウシャ</t>
    </rPh>
    <rPh sb="25" eb="27">
      <t>ホカン</t>
    </rPh>
    <phoneticPr fontId="1"/>
  </si>
  <si>
    <r>
      <rPr>
        <b/>
        <u/>
        <sz val="12"/>
        <color theme="1"/>
        <rFont val="HG丸ｺﾞｼｯｸM-PRO"/>
        <family val="3"/>
        <charset val="128"/>
      </rPr>
      <t>※※コピーを提出してください※※</t>
    </r>
    <r>
      <rPr>
        <u/>
        <sz val="12"/>
        <color theme="1"/>
        <rFont val="HG丸ｺﾞｼｯｸM-PRO"/>
        <family val="3"/>
        <charset val="128"/>
      </rPr>
      <t xml:space="preserve">
</t>
    </r>
    <r>
      <rPr>
        <sz val="12"/>
        <color theme="1"/>
        <rFont val="HG丸ｺﾞｼｯｸM-PRO"/>
        <family val="3"/>
        <charset val="128"/>
      </rPr>
      <t>（原本は事業者で保管すること）</t>
    </r>
    <rPh sb="6" eb="8">
      <t>テイシュツ</t>
    </rPh>
    <rPh sb="18" eb="20">
      <t>ゲンポン</t>
    </rPh>
    <rPh sb="21" eb="24">
      <t>ジギョウシャ</t>
    </rPh>
    <rPh sb="25" eb="27">
      <t>ホカン</t>
    </rPh>
    <phoneticPr fontId="1"/>
  </si>
  <si>
    <t>開講届提出後に届出内容を変更した場合は最終的な研修日程表を添付してください。</t>
    <rPh sb="0" eb="2">
      <t>カイコウ</t>
    </rPh>
    <rPh sb="2" eb="3">
      <t>トド</t>
    </rPh>
    <rPh sb="3" eb="5">
      <t>テイシュツ</t>
    </rPh>
    <rPh sb="5" eb="6">
      <t>ゴ</t>
    </rPh>
    <rPh sb="7" eb="8">
      <t>トドケ</t>
    </rPh>
    <rPh sb="8" eb="9">
      <t>デ</t>
    </rPh>
    <rPh sb="9" eb="11">
      <t>ナイヨウ</t>
    </rPh>
    <rPh sb="12" eb="14">
      <t>ヘンコウ</t>
    </rPh>
    <rPh sb="16" eb="18">
      <t>バアイ</t>
    </rPh>
    <rPh sb="19" eb="22">
      <t>サイシュウテキ</t>
    </rPh>
    <rPh sb="23" eb="25">
      <t>ケンシュウ</t>
    </rPh>
    <rPh sb="25" eb="27">
      <t>ニッテイ</t>
    </rPh>
    <rPh sb="27" eb="28">
      <t>ヒョウ</t>
    </rPh>
    <rPh sb="29" eb="31">
      <t>テンプ</t>
    </rPh>
    <phoneticPr fontId="1"/>
  </si>
  <si>
    <t>使用会場は会場一覧に記載のある会場ですか。（変更後の会場が使用承諾書を取り交わす必要のある会場であれば、使用承諾書を添付してください。）</t>
    <rPh sb="0" eb="2">
      <t>シヨウ</t>
    </rPh>
    <rPh sb="2" eb="4">
      <t>カイジョウ</t>
    </rPh>
    <rPh sb="5" eb="7">
      <t>カイジョウ</t>
    </rPh>
    <rPh sb="7" eb="9">
      <t>イチラン</t>
    </rPh>
    <rPh sb="10" eb="12">
      <t>キサイ</t>
    </rPh>
    <rPh sb="15" eb="17">
      <t>カイジョウ</t>
    </rPh>
    <rPh sb="22" eb="24">
      <t>ヘンコウ</t>
    </rPh>
    <rPh sb="24" eb="25">
      <t>ゴ</t>
    </rPh>
    <rPh sb="26" eb="28">
      <t>カイジョウ</t>
    </rPh>
    <phoneticPr fontId="1"/>
  </si>
  <si>
    <t>研修日程表（開講届で添付）記載の講師から変更がないか確認をしましたか。
（開講届提出後に届出内容が変更となった場合は、最終的な日程表を添付してください。詳細は本チェック表の④を参照）</t>
    <rPh sb="0" eb="2">
      <t>ケンシュウ</t>
    </rPh>
    <rPh sb="2" eb="4">
      <t>ニッテイ</t>
    </rPh>
    <rPh sb="4" eb="5">
      <t>ヒョウ</t>
    </rPh>
    <rPh sb="6" eb="8">
      <t>カイコウ</t>
    </rPh>
    <rPh sb="8" eb="9">
      <t>トド</t>
    </rPh>
    <rPh sb="10" eb="12">
      <t>テンプ</t>
    </rPh>
    <rPh sb="13" eb="15">
      <t>キサイ</t>
    </rPh>
    <rPh sb="16" eb="18">
      <t>コウシ</t>
    </rPh>
    <rPh sb="20" eb="22">
      <t>ヘンコウ</t>
    </rPh>
    <rPh sb="26" eb="28">
      <t>カクニン</t>
    </rPh>
    <rPh sb="37" eb="39">
      <t>カイコウ</t>
    </rPh>
    <rPh sb="39" eb="40">
      <t>トド</t>
    </rPh>
    <rPh sb="40" eb="42">
      <t>テイシュツ</t>
    </rPh>
    <rPh sb="42" eb="43">
      <t>ゴ</t>
    </rPh>
    <rPh sb="44" eb="45">
      <t>トドケ</t>
    </rPh>
    <rPh sb="45" eb="46">
      <t>デ</t>
    </rPh>
    <rPh sb="46" eb="48">
      <t>ナイヨウ</t>
    </rPh>
    <rPh sb="49" eb="51">
      <t>ヘンコウ</t>
    </rPh>
    <rPh sb="55" eb="57">
      <t>バアイ</t>
    </rPh>
    <rPh sb="59" eb="62">
      <t>サイシュウテキ</t>
    </rPh>
    <rPh sb="63" eb="65">
      <t>ニッテイ</t>
    </rPh>
    <rPh sb="65" eb="66">
      <t>ヒョウ</t>
    </rPh>
    <rPh sb="67" eb="69">
      <t>テンプ</t>
    </rPh>
    <rPh sb="76" eb="78">
      <t>ショウサイ</t>
    </rPh>
    <rPh sb="79" eb="80">
      <t>ホン</t>
    </rPh>
    <rPh sb="84" eb="85">
      <t>ヒョウ</t>
    </rPh>
    <rPh sb="88" eb="90">
      <t>サンショウ</t>
    </rPh>
    <phoneticPr fontId="1"/>
  </si>
  <si>
    <t>補講をやむを得ずレポートで行った場合は添付をしてください。
（※補講レポートを実施する前に一度当課へご連絡ください。）</t>
    <rPh sb="0" eb="2">
      <t>ホコウ</t>
    </rPh>
    <rPh sb="6" eb="7">
      <t>エ</t>
    </rPh>
    <rPh sb="13" eb="14">
      <t>オコナ</t>
    </rPh>
    <rPh sb="16" eb="18">
      <t>バアイ</t>
    </rPh>
    <rPh sb="19" eb="21">
      <t>テンプ</t>
    </rPh>
    <rPh sb="32" eb="34">
      <t>ホコウ</t>
    </rPh>
    <rPh sb="39" eb="41">
      <t>ジッシ</t>
    </rPh>
    <rPh sb="43" eb="44">
      <t>マエ</t>
    </rPh>
    <rPh sb="45" eb="47">
      <t>イチド</t>
    </rPh>
    <rPh sb="47" eb="49">
      <t>トウカ</t>
    </rPh>
    <rPh sb="51" eb="53">
      <t>レンラク</t>
    </rPh>
    <phoneticPr fontId="1"/>
  </si>
  <si>
    <t>別添様式1８（講師履歴）のフォーマットの履歴を参考に作成してください。</t>
    <rPh sb="23" eb="25">
      <t>サンコウ</t>
    </rPh>
    <phoneticPr fontId="1"/>
  </si>
  <si>
    <t>別添様式1８（講師履歴）のフォーマットの履歴を参考に作成してください。</t>
    <rPh sb="0" eb="2">
      <t>ベッテン</t>
    </rPh>
    <rPh sb="2" eb="4">
      <t>ヨウシキ</t>
    </rPh>
    <rPh sb="7" eb="9">
      <t>コウシ</t>
    </rPh>
    <rPh sb="9" eb="11">
      <t>リレキ</t>
    </rPh>
    <rPh sb="20" eb="22">
      <t>リレキ</t>
    </rPh>
    <rPh sb="23" eb="25">
      <t>サンコウ</t>
    </rPh>
    <rPh sb="26" eb="28">
      <t>サクセイ</t>
    </rPh>
    <phoneticPr fontId="1"/>
  </si>
  <si>
    <t>別添様式1３</t>
    <rPh sb="0" eb="2">
      <t>ベッテン</t>
    </rPh>
    <rPh sb="2" eb="4">
      <t>ヨウシキ</t>
    </rPh>
    <phoneticPr fontId="1"/>
  </si>
  <si>
    <t>※※注意※※
変更箇所はマーカー等でわかるようにしてください。</t>
    <rPh sb="7" eb="9">
      <t>ヘンコウ</t>
    </rPh>
    <rPh sb="9" eb="11">
      <t>カショ</t>
    </rPh>
    <rPh sb="16" eb="17">
      <t>トウ</t>
    </rPh>
    <phoneticPr fontId="1"/>
  </si>
  <si>
    <t>介護員養成研修事業者指定申請書（第1号様式）提出書類チェック表</t>
    <rPh sb="0" eb="7">
      <t>カイゴインヨウセイケンシュウ</t>
    </rPh>
    <rPh sb="7" eb="10">
      <t>ジギョウシャ</t>
    </rPh>
    <rPh sb="10" eb="12">
      <t>シテイ</t>
    </rPh>
    <rPh sb="12" eb="14">
      <t>シンセイ</t>
    </rPh>
    <rPh sb="14" eb="15">
      <t>ショ</t>
    </rPh>
    <rPh sb="22" eb="24">
      <t>テイシュツ</t>
    </rPh>
    <rPh sb="24" eb="26">
      <t>ショルイ</t>
    </rPh>
    <rPh sb="30" eb="31">
      <t>ヒョウ</t>
    </rPh>
    <phoneticPr fontId="1"/>
  </si>
  <si>
    <t>※神奈川県介護員養成研修事業指定要綱、指定基準及び手引きを全て確認の上で書類を作成し、
   本チェック表を使用して不足書類がないか、申請内容に不備がないかを確認の上提出をしてください。</t>
    <rPh sb="5" eb="12">
      <t>カイゴインヨウセイケンシュウ</t>
    </rPh>
    <rPh sb="19" eb="21">
      <t>シテイ</t>
    </rPh>
    <rPh sb="21" eb="23">
      <t>キジュン</t>
    </rPh>
    <rPh sb="23" eb="24">
      <t>オヨ</t>
    </rPh>
    <rPh sb="52" eb="53">
      <t>ヒョウ</t>
    </rPh>
    <phoneticPr fontId="1"/>
  </si>
  <si>
    <t>介護員養成研修事業者指定申請書</t>
    <rPh sb="0" eb="7">
      <t>カイゴインヨウセイケンシュウ</t>
    </rPh>
    <rPh sb="7" eb="10">
      <t>ジギョウシャ</t>
    </rPh>
    <rPh sb="10" eb="12">
      <t>シテイ</t>
    </rPh>
    <rPh sb="12" eb="14">
      <t>シンセイ</t>
    </rPh>
    <rPh sb="14" eb="15">
      <t>ショ</t>
    </rPh>
    <phoneticPr fontId="1"/>
  </si>
  <si>
    <t>申請年度の翌年と翌々年度の研修について、実施予定時期・回数などの計画を作成してください。
例）平成30年度に申請→平成31・32年度の計画書を作成。</t>
    <rPh sb="0" eb="2">
      <t>シンセイ</t>
    </rPh>
    <rPh sb="2" eb="4">
      <t>ネンド</t>
    </rPh>
    <rPh sb="5" eb="7">
      <t>ヨクネン</t>
    </rPh>
    <rPh sb="8" eb="10">
      <t>ヨクヨク</t>
    </rPh>
    <rPh sb="10" eb="12">
      <t>ネンド</t>
    </rPh>
    <rPh sb="13" eb="15">
      <t>ケンシュウ</t>
    </rPh>
    <rPh sb="20" eb="22">
      <t>ジッシ</t>
    </rPh>
    <rPh sb="22" eb="24">
      <t>ヨテイ</t>
    </rPh>
    <rPh sb="24" eb="26">
      <t>ジキ</t>
    </rPh>
    <rPh sb="27" eb="29">
      <t>カイスウ</t>
    </rPh>
    <rPh sb="32" eb="34">
      <t>ケイカク</t>
    </rPh>
    <rPh sb="35" eb="37">
      <t>サクセイ</t>
    </rPh>
    <rPh sb="45" eb="46">
      <t>レイ</t>
    </rPh>
    <rPh sb="47" eb="49">
      <t>ヘイセイ</t>
    </rPh>
    <rPh sb="51" eb="53">
      <t>ネンド</t>
    </rPh>
    <rPh sb="54" eb="56">
      <t>シンセイ</t>
    </rPh>
    <rPh sb="57" eb="59">
      <t>ヘイセイ</t>
    </rPh>
    <rPh sb="64" eb="66">
      <t>ネンド</t>
    </rPh>
    <rPh sb="67" eb="70">
      <t>ケイカクショ</t>
    </rPh>
    <rPh sb="71" eb="73">
      <t>サクセイ</t>
    </rPh>
    <phoneticPr fontId="1"/>
  </si>
  <si>
    <t>介護員養成研修指定申請書（第3号様式）提出書類チェック表</t>
    <rPh sb="0" eb="7">
      <t>カイゴインヨウセイケンシュウ</t>
    </rPh>
    <rPh sb="7" eb="9">
      <t>シテイ</t>
    </rPh>
    <rPh sb="9" eb="11">
      <t>シンセイ</t>
    </rPh>
    <rPh sb="11" eb="12">
      <t>ショ</t>
    </rPh>
    <rPh sb="13" eb="14">
      <t>ダイ</t>
    </rPh>
    <rPh sb="15" eb="16">
      <t>ゴウ</t>
    </rPh>
    <rPh sb="16" eb="18">
      <t>ヨウシキ</t>
    </rPh>
    <rPh sb="27" eb="28">
      <t>ヒョウ</t>
    </rPh>
    <phoneticPr fontId="1"/>
  </si>
  <si>
    <t>介護員養成研修指定申請書</t>
    <rPh sb="0" eb="2">
      <t>カイゴ</t>
    </rPh>
    <rPh sb="2" eb="3">
      <t>イン</t>
    </rPh>
    <rPh sb="3" eb="5">
      <t>ヨウセイ</t>
    </rPh>
    <rPh sb="5" eb="7">
      <t>ケンシュウ</t>
    </rPh>
    <rPh sb="7" eb="9">
      <t>シテイ</t>
    </rPh>
    <rPh sb="9" eb="11">
      <t>シンセイ</t>
    </rPh>
    <rPh sb="11" eb="12">
      <t>ショ</t>
    </rPh>
    <phoneticPr fontId="1"/>
  </si>
  <si>
    <t>介護員養成研修開講届（第7号様式）　提出書類チェック表</t>
    <rPh sb="0" eb="7">
      <t>カイゴインヨウセイケンシュウ</t>
    </rPh>
    <rPh sb="7" eb="9">
      <t>カイコウ</t>
    </rPh>
    <rPh sb="9" eb="10">
      <t>トド</t>
    </rPh>
    <rPh sb="11" eb="12">
      <t>ダイ</t>
    </rPh>
    <rPh sb="13" eb="14">
      <t>ゴウ</t>
    </rPh>
    <rPh sb="14" eb="16">
      <t>ヨウシキ</t>
    </rPh>
    <rPh sb="18" eb="20">
      <t>テイシュツ</t>
    </rPh>
    <rPh sb="20" eb="22">
      <t>ショルイ</t>
    </rPh>
    <rPh sb="26" eb="27">
      <t>ヒョウ</t>
    </rPh>
    <phoneticPr fontId="1"/>
  </si>
  <si>
    <t>※神奈川県介護員養成研修事業指定要綱、指定基準及び手引きを全て確認の上で書類を作成し、
   本チェック表を使用して不足書類がないか、申請内容に不備がないかを確認の上提出をしてください。</t>
    <rPh sb="5" eb="12">
      <t>カイゴインヨウセイケンシュウ</t>
    </rPh>
    <rPh sb="52" eb="53">
      <t>ヒョウ</t>
    </rPh>
    <phoneticPr fontId="1"/>
  </si>
  <si>
    <t>介護員養成研修開講届</t>
    <rPh sb="0" eb="7">
      <t>カイゴインヨウセイケンシュウ</t>
    </rPh>
    <rPh sb="7" eb="9">
      <t>カイコウ</t>
    </rPh>
    <rPh sb="9" eb="10">
      <t>トド</t>
    </rPh>
    <phoneticPr fontId="1"/>
  </si>
  <si>
    <t>介護員養成研修実績報告書</t>
    <rPh sb="0" eb="7">
      <t>カイゴインヨウセイケンシュウ</t>
    </rPh>
    <rPh sb="7" eb="9">
      <t>ジッセキ</t>
    </rPh>
    <rPh sb="9" eb="12">
      <t>ホウコクショ</t>
    </rPh>
    <phoneticPr fontId="1"/>
  </si>
  <si>
    <t>介護員養成研修修了者名簿</t>
    <rPh sb="0" eb="7">
      <t>カイゴインヨウセイケンシュウ</t>
    </rPh>
    <rPh sb="7" eb="9">
      <t>シュウリョウ</t>
    </rPh>
    <rPh sb="9" eb="10">
      <t>シャ</t>
    </rPh>
    <rPh sb="10" eb="12">
      <t>メイボ</t>
    </rPh>
    <phoneticPr fontId="1"/>
  </si>
  <si>
    <t>第1１号様式</t>
    <rPh sb="0" eb="1">
      <t>ダイ</t>
    </rPh>
    <rPh sb="3" eb="4">
      <t>ゴウ</t>
    </rPh>
    <rPh sb="4" eb="6">
      <t>ヨウシキ</t>
    </rPh>
    <phoneticPr fontId="1"/>
  </si>
  <si>
    <t>介護員養成研修実績報告書（第10号様式）</t>
    <rPh sb="0" eb="7">
      <t>カイゴインヨウセイケンシュウ</t>
    </rPh>
    <rPh sb="7" eb="9">
      <t>ジッセキ</t>
    </rPh>
    <rPh sb="9" eb="11">
      <t>ホウコク</t>
    </rPh>
    <rPh sb="11" eb="12">
      <t>ショ</t>
    </rPh>
    <rPh sb="13" eb="14">
      <t>ダイ</t>
    </rPh>
    <rPh sb="16" eb="17">
      <t>ゴウ</t>
    </rPh>
    <rPh sb="17" eb="19">
      <t>ヨウシキ</t>
    </rPh>
    <phoneticPr fontId="1"/>
  </si>
  <si>
    <t>介護員養成研修修了者名簿</t>
    <rPh sb="0" eb="7">
      <t>カイゴインヨウセイケンシュウ</t>
    </rPh>
    <rPh sb="7" eb="10">
      <t>シュウリョウシャ</t>
    </rPh>
    <rPh sb="8" eb="9">
      <t>ケンシュウ</t>
    </rPh>
    <rPh sb="9" eb="10">
      <t>シャ</t>
    </rPh>
    <rPh sb="10" eb="12">
      <t>メイボ</t>
    </rPh>
    <phoneticPr fontId="1"/>
  </si>
  <si>
    <t>③障害福祉制度およびその他制度</t>
    <rPh sb="3" eb="5">
      <t>フクシ</t>
    </rPh>
    <phoneticPr fontId="1"/>
  </si>
  <si>
    <t>介護員養成研修指定事項変更届　（第8号様式）提出書類チェック表　</t>
    <rPh sb="0" eb="7">
      <t>カイゴインヨウセイケンシュウ</t>
    </rPh>
    <rPh sb="7" eb="9">
      <t>シテイ</t>
    </rPh>
    <rPh sb="9" eb="11">
      <t>ジコウ</t>
    </rPh>
    <rPh sb="11" eb="13">
      <t>ヘンコウ</t>
    </rPh>
    <rPh sb="13" eb="14">
      <t>トド</t>
    </rPh>
    <rPh sb="16" eb="17">
      <t>ダイ</t>
    </rPh>
    <rPh sb="18" eb="19">
      <t>ゴウ</t>
    </rPh>
    <rPh sb="19" eb="21">
      <t>ヨウシキ</t>
    </rPh>
    <rPh sb="22" eb="24">
      <t>テイシュツ</t>
    </rPh>
    <rPh sb="24" eb="26">
      <t>ショルイ</t>
    </rPh>
    <rPh sb="30" eb="31">
      <t>ヒョウ</t>
    </rPh>
    <phoneticPr fontId="1"/>
  </si>
  <si>
    <t>※神奈川県介護員養成研修事業指定要綱、指定基準及び手引きを全て確認の上で書類を作成し、
   本チェック表を使用して不足書類がないか、届出内容に不備がないかを確認の上提出をしてください。</t>
    <rPh sb="5" eb="12">
      <t>カイゴインヨウセイケンシュウ</t>
    </rPh>
    <rPh sb="19" eb="21">
      <t>シテイ</t>
    </rPh>
    <rPh sb="21" eb="23">
      <t>キジュン</t>
    </rPh>
    <rPh sb="23" eb="24">
      <t>オヨ</t>
    </rPh>
    <rPh sb="52" eb="53">
      <t>ヒョウ</t>
    </rPh>
    <rPh sb="67" eb="69">
      <t>トドケデ</t>
    </rPh>
    <phoneticPr fontId="1"/>
  </si>
  <si>
    <t>介護員養成研修指定事項変更届</t>
    <rPh sb="0" eb="7">
      <t>カイゴインヨウセイケンシュウ</t>
    </rPh>
    <rPh sb="7" eb="9">
      <t>シテイ</t>
    </rPh>
    <rPh sb="9" eb="11">
      <t>ジコウ</t>
    </rPh>
    <rPh sb="11" eb="13">
      <t>ヘンコウ</t>
    </rPh>
    <rPh sb="13" eb="14">
      <t>トド</t>
    </rPh>
    <phoneticPr fontId="1"/>
  </si>
  <si>
    <t>―</t>
    <phoneticPr fontId="1"/>
  </si>
  <si>
    <t>―</t>
    <phoneticPr fontId="1"/>
  </si>
  <si>
    <t>介護員養成研修指定申請書</t>
    <rPh sb="0" eb="7">
      <t>カイゴインヨウセイケンシュウ</t>
    </rPh>
    <rPh sb="7" eb="9">
      <t>シテイ</t>
    </rPh>
    <rPh sb="9" eb="12">
      <t>シンセイショ</t>
    </rPh>
    <phoneticPr fontId="1"/>
  </si>
  <si>
    <t>開講届</t>
    <rPh sb="0" eb="2">
      <t>カイコウ</t>
    </rPh>
    <rPh sb="2" eb="3">
      <t>トドケ</t>
    </rPh>
    <phoneticPr fontId="1"/>
  </si>
  <si>
    <t>介護員養成研修指定申請書（第3号様式）提出書類チェック表を確認の上、必要書類をすべて提出して下さい。</t>
    <rPh sb="0" eb="2">
      <t>カイゴ</t>
    </rPh>
    <rPh sb="2" eb="3">
      <t>イン</t>
    </rPh>
    <rPh sb="3" eb="5">
      <t>ヨウセイ</t>
    </rPh>
    <rPh sb="5" eb="7">
      <t>ケンシュウ</t>
    </rPh>
    <rPh sb="7" eb="9">
      <t>シテイ</t>
    </rPh>
    <rPh sb="9" eb="12">
      <t>シンセイショ</t>
    </rPh>
    <rPh sb="13" eb="14">
      <t>ダイ</t>
    </rPh>
    <rPh sb="15" eb="16">
      <t>ゴウ</t>
    </rPh>
    <rPh sb="16" eb="18">
      <t>ヨウシキ</t>
    </rPh>
    <rPh sb="19" eb="21">
      <t>テイシュツ</t>
    </rPh>
    <rPh sb="21" eb="23">
      <t>ショルイ</t>
    </rPh>
    <rPh sb="27" eb="28">
      <t>ヒョウ</t>
    </rPh>
    <rPh sb="29" eb="31">
      <t>カクニン</t>
    </rPh>
    <rPh sb="32" eb="33">
      <t>ウエ</t>
    </rPh>
    <rPh sb="34" eb="36">
      <t>ヒツヨウ</t>
    </rPh>
    <rPh sb="36" eb="38">
      <t>ショルイ</t>
    </rPh>
    <rPh sb="42" eb="44">
      <t>テイシュツ</t>
    </rPh>
    <rPh sb="46" eb="47">
      <t>クダ</t>
    </rPh>
    <phoneticPr fontId="1"/>
  </si>
  <si>
    <t>第7条</t>
    <rPh sb="0" eb="1">
      <t>ダイ</t>
    </rPh>
    <rPh sb="2" eb="3">
      <t>ジョウ</t>
    </rPh>
    <phoneticPr fontId="1"/>
  </si>
  <si>
    <t>―</t>
    <phoneticPr fontId="1"/>
  </si>
  <si>
    <t>国が定める様式</t>
    <rPh sb="0" eb="1">
      <t>クニ</t>
    </rPh>
    <rPh sb="2" eb="3">
      <t>サダ</t>
    </rPh>
    <rPh sb="5" eb="7">
      <t>ヨウシキ</t>
    </rPh>
    <phoneticPr fontId="1"/>
  </si>
  <si>
    <t>文章は国の様式に規定されたとおりですか。</t>
    <rPh sb="0" eb="2">
      <t>ブンショウ</t>
    </rPh>
    <rPh sb="3" eb="4">
      <t>クニ</t>
    </rPh>
    <rPh sb="5" eb="7">
      <t>ヨウシキ</t>
    </rPh>
    <rPh sb="8" eb="10">
      <t>キテイ</t>
    </rPh>
    <phoneticPr fontId="1"/>
  </si>
  <si>
    <t>―</t>
    <phoneticPr fontId="1"/>
  </si>
  <si>
    <t>―</t>
    <phoneticPr fontId="1"/>
  </si>
  <si>
    <t>―</t>
    <phoneticPr fontId="1"/>
  </si>
  <si>
    <t>第10号様式の2</t>
    <rPh sb="0" eb="1">
      <t>ダイ</t>
    </rPh>
    <rPh sb="3" eb="4">
      <t>ゴウ</t>
    </rPh>
    <rPh sb="4" eb="6">
      <t>ヨウシキ</t>
    </rPh>
    <phoneticPr fontId="1"/>
  </si>
  <si>
    <t>介護員養成研修実績報告書（補講者追加報告用）（第10号様式の2）</t>
    <rPh sb="0" eb="2">
      <t>カイゴ</t>
    </rPh>
    <rPh sb="2" eb="3">
      <t>イン</t>
    </rPh>
    <rPh sb="3" eb="5">
      <t>ヨウセイ</t>
    </rPh>
    <rPh sb="5" eb="7">
      <t>ケンシュウ</t>
    </rPh>
    <rPh sb="7" eb="9">
      <t>ジッセキ</t>
    </rPh>
    <rPh sb="9" eb="11">
      <t>ホウコク</t>
    </rPh>
    <rPh sb="11" eb="12">
      <t>ショ</t>
    </rPh>
    <rPh sb="13" eb="15">
      <t>ホコウ</t>
    </rPh>
    <rPh sb="15" eb="16">
      <t>シャ</t>
    </rPh>
    <rPh sb="16" eb="18">
      <t>ツイカ</t>
    </rPh>
    <rPh sb="18" eb="20">
      <t>ホウコク</t>
    </rPh>
    <rPh sb="20" eb="21">
      <t>ヨウ</t>
    </rPh>
    <rPh sb="23" eb="24">
      <t>ダイ</t>
    </rPh>
    <rPh sb="26" eb="27">
      <t>ゴウ</t>
    </rPh>
    <rPh sb="27" eb="29">
      <t>ヨウシキ</t>
    </rPh>
    <phoneticPr fontId="1"/>
  </si>
  <si>
    <t>介護員養成研修実績報告書（第10号様式・第10号様式の2）チェック表</t>
    <rPh sb="0" eb="7">
      <t>カイゴインヨウセイケンシュウ</t>
    </rPh>
    <rPh sb="7" eb="9">
      <t>ジッセキ</t>
    </rPh>
    <rPh sb="9" eb="11">
      <t>ホウコク</t>
    </rPh>
    <rPh sb="11" eb="12">
      <t>ショ</t>
    </rPh>
    <rPh sb="13" eb="14">
      <t>ダイ</t>
    </rPh>
    <rPh sb="16" eb="17">
      <t>ゴウ</t>
    </rPh>
    <rPh sb="17" eb="19">
      <t>ヨウシキ</t>
    </rPh>
    <rPh sb="20" eb="21">
      <t>ダイ</t>
    </rPh>
    <rPh sb="23" eb="24">
      <t>ゴウ</t>
    </rPh>
    <rPh sb="24" eb="26">
      <t>ヨウシキ</t>
    </rPh>
    <rPh sb="33" eb="34">
      <t>オモテ</t>
    </rPh>
    <phoneticPr fontId="1"/>
  </si>
  <si>
    <t>（通学課程）
別添様式3－２
（通信課程）
別添様式4－２</t>
    <rPh sb="1" eb="3">
      <t>ツウガク</t>
    </rPh>
    <rPh sb="3" eb="5">
      <t>カテイ</t>
    </rPh>
    <rPh sb="7" eb="9">
      <t>ベッテン</t>
    </rPh>
    <rPh sb="9" eb="11">
      <t>ヨウシキ</t>
    </rPh>
    <rPh sb="16" eb="18">
      <t>ツウシン</t>
    </rPh>
    <rPh sb="18" eb="20">
      <t>カテイ</t>
    </rPh>
    <rPh sb="22" eb="24">
      <t>ベッテン</t>
    </rPh>
    <rPh sb="24" eb="26">
      <t>ヨウシキ</t>
    </rPh>
    <phoneticPr fontId="1"/>
  </si>
  <si>
    <t>生活援助従事者研修カリキュラム
又は
生活援助従事者研修カリキュラム
（通信）</t>
    <rPh sb="0" eb="9">
      <t>セイカツエンジョジュウジシャケンシュウ</t>
    </rPh>
    <rPh sb="16" eb="17">
      <t>マタ</t>
    </rPh>
    <rPh sb="19" eb="28">
      <t>セイカツエンジョジュウジシャケンシュウ</t>
    </rPh>
    <rPh sb="36" eb="38">
      <t>ツウシン</t>
    </rPh>
    <phoneticPr fontId="1"/>
  </si>
  <si>
    <t>別紙1－２
別表1－２</t>
    <rPh sb="0" eb="2">
      <t>ベッシ</t>
    </rPh>
    <rPh sb="6" eb="8">
      <t>ベッピョウ</t>
    </rPh>
    <phoneticPr fontId="1"/>
  </si>
  <si>
    <t>別表3－２
別紙6－２</t>
    <rPh sb="0" eb="2">
      <t>ベッピョウ</t>
    </rPh>
    <rPh sb="6" eb="8">
      <t>ベッシ</t>
    </rPh>
    <phoneticPr fontId="1"/>
  </si>
  <si>
    <t>別表5－２
別紙6－２</t>
    <rPh sb="0" eb="2">
      <t>ベッピョウ</t>
    </rPh>
    <phoneticPr fontId="1"/>
  </si>
  <si>
    <t>別紙６－２
別表5－２</t>
    <rPh sb="0" eb="2">
      <t>ベッシ</t>
    </rPh>
    <phoneticPr fontId="1"/>
  </si>
  <si>
    <t>別紙1－２</t>
    <rPh sb="0" eb="2">
      <t>ベッシ</t>
    </rPh>
    <phoneticPr fontId="1"/>
  </si>
  <si>
    <t>③認知症を取り巻く状況</t>
    <phoneticPr fontId="1"/>
  </si>
  <si>
    <t>④医学的側面から見た認知症の基礎と健康管理</t>
    <phoneticPr fontId="1"/>
  </si>
  <si>
    <t>⑤認知症に伴うこころとからだの変化と日常生活</t>
    <rPh sb="1" eb="3">
      <t>ニンチ</t>
    </rPh>
    <rPh sb="3" eb="4">
      <t>ショウ</t>
    </rPh>
    <rPh sb="5" eb="6">
      <t>トモナ</t>
    </rPh>
    <rPh sb="15" eb="17">
      <t>ヘンカ</t>
    </rPh>
    <rPh sb="18" eb="20">
      <t>ニチジョウ</t>
    </rPh>
    <rPh sb="20" eb="22">
      <t>セイカツ</t>
    </rPh>
    <phoneticPr fontId="1"/>
  </si>
  <si>
    <t>⑥家族への支援</t>
    <phoneticPr fontId="1"/>
  </si>
  <si>
    <t>７　障害の理解</t>
    <phoneticPr fontId="1"/>
  </si>
  <si>
    <t>⑥移動・移乗に関連したこころとからだのしくみと自立に向けた介護</t>
    <phoneticPr fontId="1"/>
  </si>
  <si>
    <t>⑦食事に関連したこころとからだのしくみと自立に向けた介護</t>
    <phoneticPr fontId="1"/>
  </si>
  <si>
    <t>⑧睡眠に関連したこころとからだのしくみと自立に向けた介護</t>
    <phoneticPr fontId="1"/>
  </si>
  <si>
    <t>⑨死にゆく人に関したこころとからだのしくみと終末期介護</t>
    <phoneticPr fontId="1"/>
  </si>
  <si>
    <t>⑩介護過程の基礎的理解</t>
    <rPh sb="1" eb="3">
      <t>カイゴ</t>
    </rPh>
    <rPh sb="3" eb="5">
      <t>カテイ</t>
    </rPh>
    <rPh sb="6" eb="9">
      <t>キソテキ</t>
    </rPh>
    <rPh sb="9" eb="11">
      <t>リカイ</t>
    </rPh>
    <phoneticPr fontId="1"/>
  </si>
  <si>
    <t>８　こころとからだのしくみと生活支援技術</t>
    <rPh sb="14" eb="16">
      <t>セイカツ</t>
    </rPh>
    <rPh sb="16" eb="18">
      <t>シエン</t>
    </rPh>
    <rPh sb="18" eb="20">
      <t>ギジュツ</t>
    </rPh>
    <phoneticPr fontId="12"/>
  </si>
  <si>
    <t>生活援助従事者研修　修了評価試験問題チェック表</t>
    <rPh sb="0" eb="2">
      <t>セイカツ</t>
    </rPh>
    <rPh sb="2" eb="4">
      <t>エンジョ</t>
    </rPh>
    <rPh sb="4" eb="7">
      <t>ジュウジシャ</t>
    </rPh>
    <rPh sb="7" eb="9">
      <t>ケンシュウ</t>
    </rPh>
    <rPh sb="10" eb="12">
      <t>シュウリョウ</t>
    </rPh>
    <rPh sb="12" eb="14">
      <t>ヒョウカ</t>
    </rPh>
    <rPh sb="14" eb="16">
      <t>シケン</t>
    </rPh>
    <rPh sb="16" eb="18">
      <t>モンダイ</t>
    </rPh>
    <rPh sb="22" eb="23">
      <t>ヒョウ</t>
    </rPh>
    <phoneticPr fontId="12"/>
  </si>
  <si>
    <t>⑫</t>
    <phoneticPr fontId="1"/>
  </si>
  <si>
    <t>⑬</t>
    <phoneticPr fontId="1"/>
  </si>
  <si>
    <t>′⑪</t>
    <phoneticPr fontId="1"/>
  </si>
  <si>
    <t>⑤</t>
    <phoneticPr fontId="1"/>
  </si>
  <si>
    <t>⑥</t>
    <phoneticPr fontId="1"/>
  </si>
  <si>
    <t>⑦</t>
    <phoneticPr fontId="1"/>
  </si>
  <si>
    <t>⑩</t>
    <phoneticPr fontId="1"/>
  </si>
  <si>
    <t>カリキュラムの順番は1①②は日程の最初に、９①②は最後に設定すること。また、受講生の学習効果を考慮し2①～4③は日程の前半で行うこと。</t>
    <rPh sb="7" eb="9">
      <t>ジュンバン</t>
    </rPh>
    <rPh sb="14" eb="16">
      <t>ニッテイ</t>
    </rPh>
    <rPh sb="17" eb="19">
      <t>サイショ</t>
    </rPh>
    <rPh sb="25" eb="27">
      <t>サイゴ</t>
    </rPh>
    <rPh sb="28" eb="30">
      <t>セッテイ</t>
    </rPh>
    <rPh sb="38" eb="40">
      <t>ジュコウ</t>
    </rPh>
    <rPh sb="40" eb="41">
      <t>セイ</t>
    </rPh>
    <rPh sb="42" eb="44">
      <t>ガクシュウ</t>
    </rPh>
    <rPh sb="44" eb="46">
      <t>コウカ</t>
    </rPh>
    <rPh sb="47" eb="49">
      <t>コウリョ</t>
    </rPh>
    <rPh sb="56" eb="58">
      <t>ニッテイ</t>
    </rPh>
    <rPh sb="59" eb="61">
      <t>ゼンハン</t>
    </rPh>
    <rPh sb="62" eb="63">
      <t>オコナ</t>
    </rPh>
    <phoneticPr fontId="1"/>
  </si>
  <si>
    <t>9⑥-⑧・⑩の項目において「演習に係る留意事項」で必須としている介護技術についてのチェック項目が設定されているか確認をしましたか。</t>
    <rPh sb="7" eb="9">
      <t>コウモク</t>
    </rPh>
    <rPh sb="14" eb="16">
      <t>エンシュウ</t>
    </rPh>
    <rPh sb="17" eb="18">
      <t>カカワ</t>
    </rPh>
    <rPh sb="19" eb="21">
      <t>リュウイ</t>
    </rPh>
    <rPh sb="21" eb="23">
      <t>ジコウ</t>
    </rPh>
    <rPh sb="25" eb="27">
      <t>ヒッス</t>
    </rPh>
    <rPh sb="32" eb="34">
      <t>カイゴ</t>
    </rPh>
    <rPh sb="34" eb="36">
      <t>ギジュツ</t>
    </rPh>
    <rPh sb="45" eb="47">
      <t>コウモク</t>
    </rPh>
    <rPh sb="48" eb="50">
      <t>セッテイ</t>
    </rPh>
    <rPh sb="56" eb="58">
      <t>カクニン</t>
    </rPh>
    <phoneticPr fontId="1"/>
  </si>
  <si>
    <t>⑦</t>
    <phoneticPr fontId="1"/>
  </si>
  <si>
    <t>⑧</t>
    <phoneticPr fontId="1"/>
  </si>
  <si>
    <t>⑮</t>
    <phoneticPr fontId="1"/>
  </si>
  <si>
    <t>⑯</t>
    <phoneticPr fontId="1"/>
  </si>
  <si>
    <t>⑰</t>
    <phoneticPr fontId="1"/>
  </si>
  <si>
    <t>⑱</t>
    <phoneticPr fontId="1"/>
  </si>
  <si>
    <t>㉑</t>
    <phoneticPr fontId="1"/>
  </si>
  <si>
    <t>㉒</t>
    <phoneticPr fontId="1"/>
  </si>
  <si>
    <t>㉓</t>
    <phoneticPr fontId="1"/>
  </si>
  <si>
    <t>既に初任者研修の事業者として指定されており、新たに生活援助従事者研修も指定されているものとみなすための変更</t>
    <rPh sb="0" eb="1">
      <t>スデ</t>
    </rPh>
    <rPh sb="2" eb="5">
      <t>ショニンシャ</t>
    </rPh>
    <rPh sb="5" eb="7">
      <t>ケンシュウ</t>
    </rPh>
    <rPh sb="8" eb="11">
      <t>ジギョウシャ</t>
    </rPh>
    <rPh sb="14" eb="16">
      <t>シテイ</t>
    </rPh>
    <rPh sb="22" eb="23">
      <t>アラ</t>
    </rPh>
    <rPh sb="25" eb="34">
      <t>セイカツエンジョジュウジシャケンシュウ</t>
    </rPh>
    <rPh sb="35" eb="37">
      <t>シテイ</t>
    </rPh>
    <rPh sb="51" eb="53">
      <t>ヘンコウ</t>
    </rPh>
    <phoneticPr fontId="1"/>
  </si>
  <si>
    <t>カリキュラムの順番は1①②は日程の最初に、９①②は最後に設定すること。また、受講生の学習効果を考慮し2①～4①は日程の前半で行うこと。</t>
    <rPh sb="7" eb="9">
      <t>ジュンバン</t>
    </rPh>
    <rPh sb="14" eb="16">
      <t>ニッテイ</t>
    </rPh>
    <rPh sb="17" eb="19">
      <t>サイショ</t>
    </rPh>
    <rPh sb="25" eb="27">
      <t>サイゴ</t>
    </rPh>
    <rPh sb="28" eb="30">
      <t>セッテイ</t>
    </rPh>
    <rPh sb="38" eb="40">
      <t>ジュコウ</t>
    </rPh>
    <rPh sb="40" eb="41">
      <t>セイ</t>
    </rPh>
    <rPh sb="42" eb="44">
      <t>ガクシュウ</t>
    </rPh>
    <rPh sb="44" eb="46">
      <t>コウカ</t>
    </rPh>
    <rPh sb="47" eb="49">
      <t>コウリョ</t>
    </rPh>
    <rPh sb="56" eb="58">
      <t>ニッテイ</t>
    </rPh>
    <rPh sb="59" eb="61">
      <t>ゼンハン</t>
    </rPh>
    <rPh sb="62" eb="63">
      <t>オコナ</t>
    </rPh>
    <phoneticPr fontId="1"/>
  </si>
  <si>
    <r>
      <rPr>
        <sz val="12"/>
        <color theme="1"/>
        <rFont val="HG丸ｺﾞｼｯｸM-PRO"/>
        <family val="3"/>
        <charset val="128"/>
      </rPr>
      <t>【修了評価問題作成時の注意】</t>
    </r>
    <r>
      <rPr>
        <sz val="10"/>
        <color theme="1"/>
        <rFont val="HG丸ｺﾞｼｯｸM-PRO"/>
        <family val="3"/>
        <charset val="128"/>
      </rPr>
      <t xml:space="preserve">
・修了評価試験は、指定基準別紙１「カリキュラムの取扱い」別表３－２の修了時の評価ポイントに沿った内容で作成すること。
・0.5時間程度の筆記試験による修了評価を実施すること。
・各項目について、修了評価ポイントは全て出題しなくてもよいが、下記に示している修了評価ポイントの問題を必ず１問以上は出題すること。
・問題は各項目から最低1問は作成すること。
・１「職務の理解」９「振り返り」以外の科目は網羅するように出題すること。
・１「職務の理解」９「振り返り」及び介護技術演習で評価を行う項目の問題は出題しなくても差し支えない。
・記述式問題の場合は解答が明確な問題にする。（用語の穴埋め、○○の原則の記述等）
</t>
    </r>
    <rPh sb="1" eb="3">
      <t>シュウリョウ</t>
    </rPh>
    <rPh sb="3" eb="5">
      <t>ヒョウカ</t>
    </rPh>
    <rPh sb="5" eb="7">
      <t>モンダイ</t>
    </rPh>
    <rPh sb="7" eb="9">
      <t>サクセイ</t>
    </rPh>
    <rPh sb="9" eb="10">
      <t>トキ</t>
    </rPh>
    <rPh sb="11" eb="13">
      <t>チュウイ</t>
    </rPh>
    <rPh sb="16" eb="18">
      <t>シュウリョウ</t>
    </rPh>
    <rPh sb="18" eb="20">
      <t>ヒョウカ</t>
    </rPh>
    <rPh sb="20" eb="22">
      <t>シケン</t>
    </rPh>
    <rPh sb="24" eb="26">
      <t>シテイ</t>
    </rPh>
    <rPh sb="26" eb="28">
      <t>キジュン</t>
    </rPh>
    <rPh sb="28" eb="30">
      <t>ベッシ</t>
    </rPh>
    <rPh sb="39" eb="41">
      <t>トリアツカ</t>
    </rPh>
    <rPh sb="43" eb="45">
      <t>ベッピョウ</t>
    </rPh>
    <rPh sb="49" eb="51">
      <t>シュウリョウ</t>
    </rPh>
    <rPh sb="51" eb="52">
      <t>ジ</t>
    </rPh>
    <rPh sb="53" eb="55">
      <t>ヒョウカ</t>
    </rPh>
    <rPh sb="60" eb="61">
      <t>ソ</t>
    </rPh>
    <rPh sb="63" eb="65">
      <t>ナイヨウ</t>
    </rPh>
    <rPh sb="66" eb="68">
      <t>サクセイ</t>
    </rPh>
    <rPh sb="78" eb="80">
      <t>ジカン</t>
    </rPh>
    <rPh sb="80" eb="82">
      <t>テイド</t>
    </rPh>
    <rPh sb="83" eb="85">
      <t>ヒッキ</t>
    </rPh>
    <rPh sb="85" eb="87">
      <t>シケン</t>
    </rPh>
    <rPh sb="90" eb="92">
      <t>シュウリョウ</t>
    </rPh>
    <rPh sb="92" eb="94">
      <t>ヒョウカ</t>
    </rPh>
    <rPh sb="95" eb="97">
      <t>ジッシ</t>
    </rPh>
    <rPh sb="104" eb="105">
      <t>カク</t>
    </rPh>
    <rPh sb="105" eb="107">
      <t>コウモク</t>
    </rPh>
    <rPh sb="112" eb="114">
      <t>シュウリョウ</t>
    </rPh>
    <rPh sb="114" eb="116">
      <t>ヒョウカ</t>
    </rPh>
    <rPh sb="121" eb="122">
      <t>スベ</t>
    </rPh>
    <rPh sb="123" eb="124">
      <t>シュツ</t>
    </rPh>
    <rPh sb="124" eb="125">
      <t>ダイ</t>
    </rPh>
    <rPh sb="134" eb="136">
      <t>カキ</t>
    </rPh>
    <rPh sb="137" eb="138">
      <t>シメ</t>
    </rPh>
    <rPh sb="142" eb="144">
      <t>シュウリョウ</t>
    </rPh>
    <rPh sb="144" eb="146">
      <t>ヒョウカ</t>
    </rPh>
    <rPh sb="151" eb="153">
      <t>モンダイ</t>
    </rPh>
    <rPh sb="154" eb="155">
      <t>カナラ</t>
    </rPh>
    <rPh sb="156" eb="158">
      <t>イチモン</t>
    </rPh>
    <rPh sb="158" eb="160">
      <t>イジョウ</t>
    </rPh>
    <rPh sb="161" eb="163">
      <t>シュツダイ</t>
    </rPh>
    <rPh sb="194" eb="196">
      <t>ショクム</t>
    </rPh>
    <rPh sb="197" eb="199">
      <t>リカイ</t>
    </rPh>
    <rPh sb="202" eb="203">
      <t>フ</t>
    </rPh>
    <rPh sb="204" eb="205">
      <t>カエ</t>
    </rPh>
    <rPh sb="207" eb="209">
      <t>イガイ</t>
    </rPh>
    <rPh sb="210" eb="212">
      <t>カモク</t>
    </rPh>
    <rPh sb="213" eb="215">
      <t>モウラ</t>
    </rPh>
    <rPh sb="220" eb="222">
      <t>シュツダイ</t>
    </rPh>
    <rPh sb="231" eb="233">
      <t>ショクム</t>
    </rPh>
    <rPh sb="234" eb="236">
      <t>リカイ</t>
    </rPh>
    <rPh sb="239" eb="240">
      <t>フ</t>
    </rPh>
    <rPh sb="241" eb="242">
      <t>カエ</t>
    </rPh>
    <rPh sb="244" eb="245">
      <t>オヨ</t>
    </rPh>
    <rPh sb="261" eb="263">
      <t>モンダイ</t>
    </rPh>
    <rPh sb="264" eb="266">
      <t>シュツダイ</t>
    </rPh>
    <rPh sb="271" eb="272">
      <t>サ</t>
    </rPh>
    <rPh sb="273" eb="274">
      <t>ツカ</t>
    </rPh>
    <rPh sb="280" eb="282">
      <t>キジュツ</t>
    </rPh>
    <rPh sb="282" eb="283">
      <t>シキ</t>
    </rPh>
    <rPh sb="283" eb="285">
      <t>モンダイ</t>
    </rPh>
    <rPh sb="286" eb="288">
      <t>バアイ</t>
    </rPh>
    <rPh sb="289" eb="291">
      <t>カイトウ</t>
    </rPh>
    <rPh sb="292" eb="294">
      <t>メイカク</t>
    </rPh>
    <rPh sb="295" eb="297">
      <t>モンダイ</t>
    </rPh>
    <rPh sb="302" eb="304">
      <t>ヨウゴ</t>
    </rPh>
    <rPh sb="305" eb="307">
      <t>アナウ</t>
    </rPh>
    <rPh sb="312" eb="314">
      <t>ゲンソク</t>
    </rPh>
    <rPh sb="315" eb="317">
      <t>キジュツ</t>
    </rPh>
    <rPh sb="317" eb="318">
      <t>トウ</t>
    </rPh>
    <phoneticPr fontId="12"/>
  </si>
  <si>
    <t>訪問看護</t>
    <rPh sb="0" eb="2">
      <t>ホウモン</t>
    </rPh>
    <rPh sb="2" eb="4">
      <t>カンゴ</t>
    </rPh>
    <phoneticPr fontId="12"/>
  </si>
  <si>
    <t>６　老化と認知症の理解</t>
    <rPh sb="5" eb="8">
      <t>ニンチショウ</t>
    </rPh>
    <phoneticPr fontId="1"/>
  </si>
  <si>
    <t>-</t>
    <phoneticPr fontId="1"/>
  </si>
  <si>
    <t>役員名簿</t>
    <rPh sb="0" eb="2">
      <t>ヤクイン</t>
    </rPh>
    <rPh sb="2" eb="4">
      <t>メイボ</t>
    </rPh>
    <phoneticPr fontId="1"/>
  </si>
  <si>
    <t>法人の役員をすべて記載する。</t>
    <rPh sb="0" eb="2">
      <t>ホウジン</t>
    </rPh>
    <rPh sb="3" eb="5">
      <t>ヤクイン</t>
    </rPh>
    <rPh sb="9" eb="11">
      <t>キサイ</t>
    </rPh>
    <phoneticPr fontId="1"/>
  </si>
  <si>
    <t>③</t>
    <phoneticPr fontId="1"/>
  </si>
  <si>
    <t>④</t>
    <phoneticPr fontId="1"/>
  </si>
  <si>
    <t>⑤</t>
    <phoneticPr fontId="1"/>
  </si>
  <si>
    <t>⑦</t>
    <phoneticPr fontId="1"/>
  </si>
  <si>
    <t>⑧</t>
    <phoneticPr fontId="1"/>
  </si>
  <si>
    <t>⑨</t>
    <phoneticPr fontId="1"/>
  </si>
  <si>
    <t>⑩</t>
    <phoneticPr fontId="1"/>
  </si>
  <si>
    <t>⑪</t>
    <phoneticPr fontId="1"/>
  </si>
  <si>
    <t>⑫</t>
    <phoneticPr fontId="1"/>
  </si>
  <si>
    <t>⑬</t>
    <phoneticPr fontId="1"/>
  </si>
  <si>
    <t>標準研修日程表</t>
    <rPh sb="0" eb="2">
      <t>ヒョウジュン</t>
    </rPh>
    <rPh sb="2" eb="4">
      <t>ケンシュウ</t>
    </rPh>
    <rPh sb="4" eb="6">
      <t>ニッテイ</t>
    </rPh>
    <rPh sb="6" eb="7">
      <t>ヒョウ</t>
    </rPh>
    <phoneticPr fontId="1"/>
  </si>
  <si>
    <t>（通学課程）
別添様式８
（通信課程）
別添様式９</t>
    <rPh sb="1" eb="3">
      <t>ツウガク</t>
    </rPh>
    <rPh sb="3" eb="5">
      <t>カテイ</t>
    </rPh>
    <rPh sb="7" eb="9">
      <t>ベッテン</t>
    </rPh>
    <rPh sb="9" eb="11">
      <t>ヨウシキ</t>
    </rPh>
    <rPh sb="14" eb="16">
      <t>ツウシン</t>
    </rPh>
    <rPh sb="16" eb="18">
      <t>カテイ</t>
    </rPh>
    <rPh sb="20" eb="22">
      <t>ベッテン</t>
    </rPh>
    <rPh sb="22" eb="24">
      <t>ヨウシキ</t>
    </rPh>
    <phoneticPr fontId="1"/>
  </si>
  <si>
    <t>別添様式18を参考</t>
    <rPh sb="0" eb="2">
      <t>ベッテン</t>
    </rPh>
    <rPh sb="2" eb="4">
      <t>ヨウシキ</t>
    </rPh>
    <rPh sb="7" eb="9">
      <t>サンコウ</t>
    </rPh>
    <phoneticPr fontId="1"/>
  </si>
  <si>
    <t>標準研修日程表</t>
    <rPh sb="2" eb="4">
      <t>ケンシュウ</t>
    </rPh>
    <phoneticPr fontId="1"/>
  </si>
  <si>
    <t>介護員養成研修（年間実施計画書・事業休止届）</t>
    <rPh sb="0" eb="5">
      <t>カイゴインヨウセイ</t>
    </rPh>
    <rPh sb="5" eb="7">
      <t>ケンシュウ</t>
    </rPh>
    <rPh sb="8" eb="10">
      <t>ネンカン</t>
    </rPh>
    <rPh sb="10" eb="12">
      <t>ジッシ</t>
    </rPh>
    <rPh sb="12" eb="15">
      <t>ケイカクショ</t>
    </rPh>
    <rPh sb="16" eb="18">
      <t>ジギョウ</t>
    </rPh>
    <rPh sb="18" eb="20">
      <t>キュウシ</t>
    </rPh>
    <rPh sb="20" eb="21">
      <t>トドケ</t>
    </rPh>
    <phoneticPr fontId="1"/>
  </si>
  <si>
    <t>介護員養成研修開講届</t>
    <rPh sb="0" eb="5">
      <t>カイゴインヨウセイ</t>
    </rPh>
    <rPh sb="5" eb="7">
      <t>ケンシュウ</t>
    </rPh>
    <rPh sb="7" eb="9">
      <t>カイコウ</t>
    </rPh>
    <rPh sb="9" eb="10">
      <t>トド</t>
    </rPh>
    <phoneticPr fontId="1"/>
  </si>
  <si>
    <t>見学・実習施設一覧</t>
    <rPh sb="0" eb="2">
      <t>ケンガク</t>
    </rPh>
    <rPh sb="3" eb="5">
      <t>ジッシュウ</t>
    </rPh>
    <rPh sb="5" eb="7">
      <t>シセツ</t>
    </rPh>
    <rPh sb="7" eb="9">
      <t>イチラン</t>
    </rPh>
    <phoneticPr fontId="1"/>
  </si>
  <si>
    <t>実習受入承諾書</t>
    <rPh sb="0" eb="2">
      <t>ジッシュウ</t>
    </rPh>
    <rPh sb="2" eb="3">
      <t>ウ</t>
    </rPh>
    <rPh sb="3" eb="4">
      <t>イ</t>
    </rPh>
    <rPh sb="4" eb="6">
      <t>ショウダク</t>
    </rPh>
    <rPh sb="6" eb="7">
      <t>カ</t>
    </rPh>
    <phoneticPr fontId="1"/>
  </si>
  <si>
    <t>8(4)
別紙1－２
別表4</t>
    <rPh sb="5" eb="7">
      <t>ベッシ</t>
    </rPh>
    <rPh sb="11" eb="13">
      <t>ベッピョウ</t>
    </rPh>
    <phoneticPr fontId="1"/>
  </si>
  <si>
    <t>⑬</t>
    <phoneticPr fontId="1"/>
  </si>
  <si>
    <t>上記その他の学則変更</t>
    <rPh sb="0" eb="2">
      <t>ジョウキ</t>
    </rPh>
    <rPh sb="4" eb="5">
      <t>タ</t>
    </rPh>
    <rPh sb="6" eb="8">
      <t>ガクソク</t>
    </rPh>
    <rPh sb="8" eb="10">
      <t>ヘンコウ</t>
    </rPh>
    <phoneticPr fontId="1"/>
  </si>
  <si>
    <t>未修了者、辞退者、該当個別番号以外の修了者は記載しないでください。</t>
    <rPh sb="15" eb="17">
      <t>イガイ</t>
    </rPh>
    <phoneticPr fontId="1"/>
  </si>
  <si>
    <t>8
別紙1－２
別表1－２</t>
    <rPh sb="2" eb="4">
      <t>ベッシ</t>
    </rPh>
    <rPh sb="8" eb="10">
      <t>ベッピョウ</t>
    </rPh>
    <phoneticPr fontId="1"/>
  </si>
  <si>
    <t>8
別紙1－２
別表1－２
別表3－２</t>
    <rPh sb="2" eb="4">
      <t>ベッシ</t>
    </rPh>
    <rPh sb="8" eb="10">
      <t>ベッピョウ</t>
    </rPh>
    <rPh sb="14" eb="16">
      <t>ベッピョウ</t>
    </rPh>
    <phoneticPr fontId="1"/>
  </si>
  <si>
    <t>8(4)(5)</t>
    <phoneticPr fontId="1"/>
  </si>
  <si>
    <t>8(1)</t>
    <phoneticPr fontId="1"/>
  </si>
  <si>
    <t>8(4)
別紙1
別表4</t>
    <rPh sb="5" eb="7">
      <t>ベッシ</t>
    </rPh>
    <rPh sb="9" eb="11">
      <t>ベッピョウ</t>
    </rPh>
    <phoneticPr fontId="1"/>
  </si>
  <si>
    <t>8(1)
別紙1－２
別表1－２
別表3－２</t>
    <rPh sb="5" eb="7">
      <t>ベッシ</t>
    </rPh>
    <rPh sb="11" eb="13">
      <t>ベッピョウ</t>
    </rPh>
    <rPh sb="17" eb="19">
      <t>ベッピョウ</t>
    </rPh>
    <phoneticPr fontId="1"/>
  </si>
  <si>
    <t>連絡先が変わったとき
(メールアドレス含む)</t>
    <rPh sb="0" eb="2">
      <t>レンラク</t>
    </rPh>
    <rPh sb="2" eb="3">
      <t>サキ</t>
    </rPh>
    <rPh sb="4" eb="5">
      <t>カ</t>
    </rPh>
    <rPh sb="19" eb="20">
      <t>フク</t>
    </rPh>
    <phoneticPr fontId="1"/>
  </si>
  <si>
    <t>学則（料金、研修名、個人情報の取扱い、補講等)</t>
    <rPh sb="0" eb="2">
      <t>ガクソク</t>
    </rPh>
    <rPh sb="3" eb="5">
      <t>リョウキン</t>
    </rPh>
    <rPh sb="6" eb="8">
      <t>ケンシュウ</t>
    </rPh>
    <rPh sb="8" eb="9">
      <t>メイ</t>
    </rPh>
    <rPh sb="10" eb="12">
      <t>コジン</t>
    </rPh>
    <rPh sb="12" eb="14">
      <t>ジョウホウ</t>
    </rPh>
    <rPh sb="15" eb="17">
      <t>トリアツカ</t>
    </rPh>
    <rPh sb="19" eb="21">
      <t>ホコウ</t>
    </rPh>
    <rPh sb="21" eb="22">
      <t>トウ</t>
    </rPh>
    <phoneticPr fontId="1"/>
  </si>
  <si>
    <t>第2条</t>
    <rPh sb="0" eb="1">
      <t>ダイ</t>
    </rPh>
    <rPh sb="2" eb="3">
      <t>ジョウ</t>
    </rPh>
    <phoneticPr fontId="1"/>
  </si>
  <si>
    <t>第18条</t>
    <rPh sb="0" eb="1">
      <t>ダイ</t>
    </rPh>
    <rPh sb="3" eb="4">
      <t>ジョウ</t>
    </rPh>
    <phoneticPr fontId="1"/>
  </si>
  <si>
    <t>第3条
第6条</t>
    <rPh sb="0" eb="1">
      <t>ダイ</t>
    </rPh>
    <rPh sb="2" eb="3">
      <t>ジョウ</t>
    </rPh>
    <rPh sb="4" eb="5">
      <t>ダイ</t>
    </rPh>
    <rPh sb="6" eb="7">
      <t>ジョウ</t>
    </rPh>
    <phoneticPr fontId="1"/>
  </si>
  <si>
    <t>第9条</t>
    <rPh sb="0" eb="1">
      <t>ダイ</t>
    </rPh>
    <rPh sb="2" eb="3">
      <t>ジョウ</t>
    </rPh>
    <phoneticPr fontId="1"/>
  </si>
  <si>
    <t>第6条</t>
    <rPh sb="0" eb="1">
      <t>ダイ</t>
    </rPh>
    <rPh sb="2" eb="3">
      <t>ジョウ</t>
    </rPh>
    <phoneticPr fontId="1"/>
  </si>
  <si>
    <t>第12条</t>
    <rPh sb="0" eb="1">
      <t>ダイ</t>
    </rPh>
    <rPh sb="3" eb="4">
      <t>ジョウ</t>
    </rPh>
    <phoneticPr fontId="1"/>
  </si>
  <si>
    <t>実習実施計画書</t>
    <rPh sb="0" eb="2">
      <t>ジッシュウ</t>
    </rPh>
    <rPh sb="2" eb="4">
      <t>ジッシ</t>
    </rPh>
    <rPh sb="4" eb="7">
      <t>ケイカクショ</t>
    </rPh>
    <phoneticPr fontId="1"/>
  </si>
  <si>
    <t>８</t>
    <phoneticPr fontId="1"/>
  </si>
  <si>
    <t>第14条</t>
    <rPh sb="0" eb="1">
      <t>ダイ</t>
    </rPh>
    <rPh sb="3" eb="4">
      <t>ジョウ</t>
    </rPh>
    <phoneticPr fontId="1"/>
  </si>
  <si>
    <t>未修了者、辞退者、該当個別番号以外の修了者は入れないでください。</t>
    <phoneticPr fontId="1"/>
  </si>
  <si>
    <t>実習修了確認書</t>
    <rPh sb="0" eb="2">
      <t>ジッシュウ</t>
    </rPh>
    <rPh sb="2" eb="4">
      <t>シュウリョウ</t>
    </rPh>
    <rPh sb="4" eb="6">
      <t>カクニン</t>
    </rPh>
    <rPh sb="6" eb="7">
      <t>ショ</t>
    </rPh>
    <phoneticPr fontId="1"/>
  </si>
  <si>
    <t>⑤快適な居住環境整備と介護</t>
    <rPh sb="4" eb="6">
      <t>キョジュウ</t>
    </rPh>
    <phoneticPr fontId="1"/>
  </si>
  <si>
    <t>コピーに原本証明をしたものを提出。（「原本と相違ない」旨と法人名、代表者名を最終ページに記載してください。）</t>
    <rPh sb="4" eb="6">
      <t>ゲンポン</t>
    </rPh>
    <rPh sb="6" eb="8">
      <t>ショウメイ</t>
    </rPh>
    <rPh sb="14" eb="16">
      <t>テイシュツ</t>
    </rPh>
    <rPh sb="19" eb="21">
      <t>ゲンポン</t>
    </rPh>
    <rPh sb="22" eb="24">
      <t>ソウイ</t>
    </rPh>
    <rPh sb="27" eb="28">
      <t>ムネ</t>
    </rPh>
    <rPh sb="29" eb="30">
      <t>キホウ</t>
    </rPh>
    <rPh sb="30" eb="32">
      <t>ジンメイ</t>
    </rPh>
    <rPh sb="33" eb="35">
      <t>ダイヒョウ</t>
    </rPh>
    <rPh sb="38" eb="40">
      <t>サイシュウ</t>
    </rPh>
    <rPh sb="44" eb="46">
      <t>キサイ</t>
    </rPh>
    <phoneticPr fontId="1"/>
  </si>
  <si>
    <t>該当項目に〇をしてください。</t>
    <rPh sb="0" eb="2">
      <t>ガイトウ</t>
    </rPh>
    <rPh sb="2" eb="4">
      <t>コウモク</t>
    </rPh>
    <phoneticPr fontId="1"/>
  </si>
  <si>
    <t>①</t>
    <phoneticPr fontId="1"/>
  </si>
  <si>
    <t>①</t>
    <phoneticPr fontId="1"/>
  </si>
  <si>
    <t>年間実施計画書</t>
    <rPh sb="0" eb="2">
      <t>ネンカン</t>
    </rPh>
    <rPh sb="2" eb="4">
      <t>ジッシ</t>
    </rPh>
    <rPh sb="4" eb="7">
      <t>ケイカクショ</t>
    </rPh>
    <phoneticPr fontId="1"/>
  </si>
  <si>
    <t>・事業者の名称
・事業所の主たる事務所の所在地
・代表者
が変わった時</t>
    <rPh sb="1" eb="4">
      <t>ジギョウシャ</t>
    </rPh>
    <rPh sb="5" eb="7">
      <t>メイショウ</t>
    </rPh>
    <rPh sb="9" eb="11">
      <t>ジギョウ</t>
    </rPh>
    <rPh sb="11" eb="12">
      <t>トコロ</t>
    </rPh>
    <rPh sb="13" eb="14">
      <t>オモ</t>
    </rPh>
    <rPh sb="16" eb="18">
      <t>ジム</t>
    </rPh>
    <rPh sb="18" eb="19">
      <t>ショ</t>
    </rPh>
    <rPh sb="20" eb="23">
      <t>ショザイチ</t>
    </rPh>
    <rPh sb="25" eb="28">
      <t>ダイヒョウシャ</t>
    </rPh>
    <rPh sb="30" eb="31">
      <t>カ</t>
    </rPh>
    <rPh sb="34" eb="35">
      <t>トキ</t>
    </rPh>
    <phoneticPr fontId="1"/>
  </si>
  <si>
    <t>②障害の医学的側面、生活障害、心理･行動の特徴、かかわり支援等の基礎的知識</t>
    <rPh sb="34" eb="35">
      <t>テキ</t>
    </rPh>
    <phoneticPr fontId="1"/>
  </si>
  <si>
    <t>定員が13名以上の場合、実技演習項目（8⑥-⑧・⑩）に定員数に応じた補助講師を配置していますか。</t>
    <rPh sb="0" eb="2">
      <t>テイイン</t>
    </rPh>
    <rPh sb="5" eb="6">
      <t>メイ</t>
    </rPh>
    <rPh sb="6" eb="8">
      <t>イジョウ</t>
    </rPh>
    <rPh sb="9" eb="11">
      <t>バアイ</t>
    </rPh>
    <rPh sb="12" eb="14">
      <t>ジツギ</t>
    </rPh>
    <rPh sb="14" eb="16">
      <t>エンシュウ</t>
    </rPh>
    <rPh sb="16" eb="18">
      <t>コウモク</t>
    </rPh>
    <rPh sb="27" eb="29">
      <t>テイイン</t>
    </rPh>
    <rPh sb="29" eb="30">
      <t>スウ</t>
    </rPh>
    <rPh sb="31" eb="32">
      <t>オウ</t>
    </rPh>
    <rPh sb="34" eb="36">
      <t>ホジョ</t>
    </rPh>
    <rPh sb="36" eb="38">
      <t>コウシ</t>
    </rPh>
    <rPh sb="39" eb="41">
      <t>ハイチ</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21" x14ac:knownFonts="1">
    <font>
      <sz val="12"/>
      <color theme="1"/>
      <name val="ＭＳ 明朝"/>
      <family val="2"/>
      <charset val="128"/>
    </font>
    <font>
      <sz val="6"/>
      <name val="ＭＳ 明朝"/>
      <family val="2"/>
      <charset val="128"/>
    </font>
    <font>
      <sz val="12"/>
      <color theme="1"/>
      <name val="HG丸ｺﾞｼｯｸM-PRO"/>
      <family val="3"/>
      <charset val="128"/>
    </font>
    <font>
      <b/>
      <sz val="14"/>
      <color theme="1"/>
      <name val="HG丸ｺﾞｼｯｸM-PRO"/>
      <family val="3"/>
      <charset val="128"/>
    </font>
    <font>
      <b/>
      <sz val="12"/>
      <color theme="1"/>
      <name val="HG丸ｺﾞｼｯｸM-PRO"/>
      <family val="3"/>
      <charset val="128"/>
    </font>
    <font>
      <sz val="6"/>
      <color theme="1"/>
      <name val="HG丸ｺﾞｼｯｸM-PRO"/>
      <family val="3"/>
      <charset val="128"/>
    </font>
    <font>
      <b/>
      <sz val="18"/>
      <color theme="1"/>
      <name val="HG丸ｺﾞｼｯｸM-PRO"/>
      <family val="3"/>
      <charset val="128"/>
    </font>
    <font>
      <sz val="14"/>
      <color theme="1"/>
      <name val="HG丸ｺﾞｼｯｸM-PRO"/>
      <family val="3"/>
      <charset val="128"/>
    </font>
    <font>
      <u/>
      <sz val="12"/>
      <color theme="1"/>
      <name val="HG丸ｺﾞｼｯｸM-PRO"/>
      <family val="3"/>
      <charset val="128"/>
    </font>
    <font>
      <b/>
      <u/>
      <sz val="12"/>
      <color theme="1"/>
      <name val="HG丸ｺﾞｼｯｸM-PRO"/>
      <family val="3"/>
      <charset val="128"/>
    </font>
    <font>
      <sz val="18"/>
      <color theme="1"/>
      <name val="ＭＳ Ｐゴシック"/>
      <family val="3"/>
      <charset val="128"/>
      <scheme val="major"/>
    </font>
    <font>
      <sz val="12"/>
      <color theme="1"/>
      <name val="ＭＳ Ｐゴシック"/>
      <family val="3"/>
      <charset val="128"/>
      <scheme val="major"/>
    </font>
    <font>
      <sz val="6"/>
      <name val="ＭＳ 明朝"/>
      <family val="1"/>
      <charset val="128"/>
    </font>
    <font>
      <sz val="9"/>
      <color theme="1"/>
      <name val="HG丸ｺﾞｼｯｸM-PRO"/>
      <family val="3"/>
      <charset val="128"/>
    </font>
    <font>
      <b/>
      <sz val="11"/>
      <color theme="1"/>
      <name val="HG丸ｺﾞｼｯｸM-PRO"/>
      <family val="3"/>
      <charset val="128"/>
    </font>
    <font>
      <sz val="11"/>
      <color theme="1"/>
      <name val="HG丸ｺﾞｼｯｸM-PRO"/>
      <family val="3"/>
      <charset val="128"/>
    </font>
    <font>
      <sz val="8"/>
      <color theme="1"/>
      <name val="HG丸ｺﾞｼｯｸM-PRO"/>
      <family val="3"/>
      <charset val="128"/>
    </font>
    <font>
      <b/>
      <sz val="10"/>
      <color theme="1"/>
      <name val="HG丸ｺﾞｼｯｸM-PRO"/>
      <family val="3"/>
      <charset val="128"/>
    </font>
    <font>
      <u/>
      <sz val="12"/>
      <color theme="1"/>
      <name val="ＭＳ ゴシック"/>
      <family val="3"/>
      <charset val="128"/>
    </font>
    <font>
      <sz val="10"/>
      <color theme="1"/>
      <name val="HG丸ｺﾞｼｯｸM-PRO"/>
      <family val="3"/>
      <charset val="128"/>
    </font>
    <font>
      <u/>
      <sz val="12"/>
      <color theme="1"/>
      <name val="ＭＳ Ｐゴシック"/>
      <family val="3"/>
      <charset val="128"/>
      <scheme val="minor"/>
    </font>
  </fonts>
  <fills count="5">
    <fill>
      <patternFill patternType="none"/>
    </fill>
    <fill>
      <patternFill patternType="gray125"/>
    </fill>
    <fill>
      <patternFill patternType="solid">
        <fgColor theme="0"/>
        <bgColor indexed="64"/>
      </patternFill>
    </fill>
    <fill>
      <patternFill patternType="solid">
        <fgColor indexed="41"/>
        <bgColor indexed="64"/>
      </patternFill>
    </fill>
    <fill>
      <patternFill patternType="solid">
        <fgColor theme="9" tint="0.59999389629810485"/>
        <bgColor indexed="64"/>
      </patternFill>
    </fill>
  </fills>
  <borders count="56">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medium">
        <color indexed="64"/>
      </top>
      <bottom/>
      <diagonal/>
    </border>
    <border>
      <left/>
      <right/>
      <top style="medium">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top/>
      <bottom/>
      <diagonal/>
    </border>
    <border>
      <left/>
      <right/>
      <top style="thin">
        <color indexed="64"/>
      </top>
      <bottom/>
      <diagonal/>
    </border>
    <border>
      <left/>
      <right style="thin">
        <color indexed="64"/>
      </right>
      <top style="thin">
        <color indexed="64"/>
      </top>
      <bottom/>
      <diagonal/>
    </border>
    <border>
      <left style="thin">
        <color indexed="64"/>
      </left>
      <right style="medium">
        <color indexed="64"/>
      </right>
      <top style="thin">
        <color indexed="64"/>
      </top>
      <bottom style="thin">
        <color indexed="64"/>
      </bottom>
      <diagonal/>
    </border>
    <border>
      <left/>
      <right style="thin">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thin">
        <color indexed="64"/>
      </left>
      <right/>
      <top/>
      <bottom/>
      <diagonal/>
    </border>
    <border>
      <left/>
      <right style="medium">
        <color indexed="64"/>
      </right>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medium">
        <color indexed="64"/>
      </right>
      <top/>
      <bottom/>
      <diagonal/>
    </border>
    <border>
      <left style="thin">
        <color indexed="64"/>
      </left>
      <right style="medium">
        <color indexed="64"/>
      </right>
      <top style="thin">
        <color indexed="64"/>
      </top>
      <bottom/>
      <diagonal/>
    </border>
    <border>
      <left style="thin">
        <color indexed="64"/>
      </left>
      <right style="thin">
        <color indexed="64"/>
      </right>
      <top style="medium">
        <color indexed="64"/>
      </top>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auto="1"/>
      </left>
      <right/>
      <top style="thin">
        <color auto="1"/>
      </top>
      <bottom style="thin">
        <color auto="1"/>
      </bottom>
      <diagonal/>
    </border>
    <border>
      <left style="thin">
        <color indexed="64"/>
      </left>
      <right/>
      <top style="thin">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top/>
      <bottom style="double">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style="thin">
        <color indexed="64"/>
      </top>
      <bottom/>
      <diagonal/>
    </border>
  </borders>
  <cellStyleXfs count="1">
    <xf numFmtId="0" fontId="0" fillId="0" borderId="0">
      <alignment vertical="center"/>
    </xf>
  </cellStyleXfs>
  <cellXfs count="257">
    <xf numFmtId="0" fontId="0" fillId="0" borderId="0" xfId="0">
      <alignment vertical="center"/>
    </xf>
    <xf numFmtId="0" fontId="2" fillId="0" borderId="0" xfId="0" applyFont="1" applyAlignment="1">
      <alignment horizontal="center" vertical="center" wrapText="1"/>
    </xf>
    <xf numFmtId="0" fontId="2" fillId="0" borderId="0" xfId="0" applyFont="1" applyAlignment="1">
      <alignment vertical="center" wrapText="1"/>
    </xf>
    <xf numFmtId="0" fontId="2" fillId="0" borderId="1" xfId="0" applyFont="1" applyBorder="1" applyAlignment="1">
      <alignment vertical="center" wrapText="1"/>
    </xf>
    <xf numFmtId="0" fontId="2" fillId="0" borderId="0" xfId="0" applyFont="1" applyBorder="1" applyAlignment="1">
      <alignment vertical="center" wrapText="1"/>
    </xf>
    <xf numFmtId="0" fontId="6" fillId="0" borderId="0" xfId="0" applyFont="1" applyBorder="1" applyAlignment="1">
      <alignment horizontal="center" vertical="center" wrapText="1"/>
    </xf>
    <xf numFmtId="0" fontId="7" fillId="0" borderId="0" xfId="0" applyFont="1" applyAlignment="1">
      <alignment vertical="center" wrapText="1"/>
    </xf>
    <xf numFmtId="0" fontId="2" fillId="0" borderId="0" xfId="0" applyFont="1" applyAlignment="1">
      <alignment vertical="center"/>
    </xf>
    <xf numFmtId="0" fontId="11" fillId="0" borderId="0" xfId="0" applyFont="1">
      <alignment vertical="center"/>
    </xf>
    <xf numFmtId="0" fontId="11" fillId="0" borderId="0" xfId="0" applyFont="1" applyAlignment="1">
      <alignment horizontal="center" vertical="center"/>
    </xf>
    <xf numFmtId="0" fontId="10" fillId="0" borderId="0" xfId="0" applyFont="1" applyAlignment="1">
      <alignment horizontal="right" vertical="center"/>
    </xf>
    <xf numFmtId="0" fontId="3" fillId="0" borderId="2" xfId="0" applyFont="1" applyBorder="1" applyAlignment="1">
      <alignment horizontal="center" vertical="center" wrapText="1"/>
    </xf>
    <xf numFmtId="0" fontId="2" fillId="0" borderId="0" xfId="0" applyFont="1" applyAlignment="1">
      <alignment horizontal="right" vertical="center" wrapText="1"/>
    </xf>
    <xf numFmtId="0" fontId="2" fillId="0" borderId="51" xfId="0" applyFont="1" applyBorder="1" applyAlignment="1">
      <alignment vertical="center" wrapText="1"/>
    </xf>
    <xf numFmtId="0" fontId="13" fillId="0" borderId="1" xfId="0" applyFont="1" applyBorder="1" applyAlignment="1">
      <alignment horizontal="center" vertical="center" wrapText="1"/>
    </xf>
    <xf numFmtId="0" fontId="14" fillId="0" borderId="0" xfId="0" applyFont="1" applyBorder="1" applyAlignment="1">
      <alignment horizontal="center" vertical="center" wrapText="1"/>
    </xf>
    <xf numFmtId="0" fontId="14" fillId="0" borderId="0" xfId="0" applyFont="1" applyBorder="1" applyAlignment="1">
      <alignment horizontal="right" vertical="center" wrapText="1"/>
    </xf>
    <xf numFmtId="0" fontId="4" fillId="0" borderId="0" xfId="0" applyFont="1" applyBorder="1" applyAlignment="1">
      <alignment horizontal="left" vertical="center"/>
    </xf>
    <xf numFmtId="0" fontId="4" fillId="0" borderId="0" xfId="0" applyFont="1" applyBorder="1" applyAlignment="1">
      <alignment horizontal="center" vertical="center" wrapText="1"/>
    </xf>
    <xf numFmtId="0" fontId="4" fillId="0" borderId="2" xfId="0" applyFont="1" applyBorder="1" applyAlignment="1">
      <alignment horizontal="center" vertical="center" wrapText="1"/>
    </xf>
    <xf numFmtId="0" fontId="3" fillId="0" borderId="0" xfId="0" applyFont="1" applyBorder="1" applyAlignment="1">
      <alignment vertical="center" wrapText="1"/>
    </xf>
    <xf numFmtId="0" fontId="3" fillId="0" borderId="2" xfId="0" applyFont="1" applyBorder="1" applyAlignment="1">
      <alignment vertical="center" wrapText="1"/>
    </xf>
    <xf numFmtId="0" fontId="16" fillId="0" borderId="1" xfId="0" applyFont="1" applyBorder="1" applyAlignment="1">
      <alignment horizontal="center" vertical="center" wrapText="1"/>
    </xf>
    <xf numFmtId="0" fontId="15" fillId="0" borderId="0" xfId="0" applyFont="1" applyAlignment="1">
      <alignment horizontal="right" vertical="center" wrapText="1"/>
    </xf>
    <xf numFmtId="0" fontId="4" fillId="0" borderId="0" xfId="0" applyFont="1" applyBorder="1" applyAlignment="1">
      <alignment vertical="center" wrapText="1"/>
    </xf>
    <xf numFmtId="0" fontId="2" fillId="0" borderId="0" xfId="0" applyFont="1">
      <alignment vertical="center"/>
    </xf>
    <xf numFmtId="0" fontId="2" fillId="0" borderId="10" xfId="0" applyFont="1" applyBorder="1">
      <alignment vertical="center"/>
    </xf>
    <xf numFmtId="0" fontId="2" fillId="0" borderId="0" xfId="0" applyFont="1" applyAlignment="1">
      <alignment horizontal="left" vertical="center"/>
    </xf>
    <xf numFmtId="0" fontId="2" fillId="2" borderId="1" xfId="0" applyFont="1" applyFill="1" applyBorder="1" applyAlignment="1">
      <alignment vertical="center" wrapText="1"/>
    </xf>
    <xf numFmtId="0" fontId="17" fillId="0" borderId="0" xfId="0" applyFont="1" applyBorder="1" applyAlignment="1">
      <alignment horizontal="right" vertical="center" wrapText="1"/>
    </xf>
    <xf numFmtId="0" fontId="2" fillId="0" borderId="34" xfId="0" applyFont="1" applyBorder="1" applyAlignment="1">
      <alignment vertical="center" wrapText="1"/>
    </xf>
    <xf numFmtId="0" fontId="2" fillId="0" borderId="47" xfId="0" applyFont="1" applyBorder="1" applyAlignment="1">
      <alignment vertical="center" wrapText="1"/>
    </xf>
    <xf numFmtId="0" fontId="2" fillId="0" borderId="0" xfId="0" applyFont="1" applyBorder="1" applyAlignment="1">
      <alignment horizontal="right" vertical="center" wrapText="1"/>
    </xf>
    <xf numFmtId="0" fontId="2" fillId="2" borderId="1" xfId="0" applyFont="1" applyFill="1" applyBorder="1" applyAlignment="1">
      <alignment horizontal="center" vertical="center" wrapText="1"/>
    </xf>
    <xf numFmtId="0" fontId="2" fillId="0" borderId="1" xfId="0" applyFont="1" applyFill="1" applyBorder="1" applyAlignment="1">
      <alignment vertical="center" wrapText="1"/>
    </xf>
    <xf numFmtId="0" fontId="4" fillId="0" borderId="0" xfId="0" applyFont="1" applyBorder="1" applyAlignment="1">
      <alignment horizontal="center" vertical="center"/>
    </xf>
    <xf numFmtId="0" fontId="4" fillId="0" borderId="0" xfId="0" applyFont="1" applyBorder="1" applyAlignment="1">
      <alignment horizontal="center" vertical="top"/>
    </xf>
    <xf numFmtId="0" fontId="4" fillId="0" borderId="0" xfId="0" applyFont="1" applyAlignment="1">
      <alignment horizontal="center" vertical="center"/>
    </xf>
    <xf numFmtId="0" fontId="2" fillId="0" borderId="0" xfId="0" applyFont="1" applyBorder="1">
      <alignment vertical="center"/>
    </xf>
    <xf numFmtId="0" fontId="2" fillId="0" borderId="51" xfId="0" applyFont="1" applyBorder="1" applyAlignment="1">
      <alignment horizontal="center" vertical="center" wrapText="1"/>
    </xf>
    <xf numFmtId="0" fontId="3" fillId="0" borderId="0" xfId="0" applyFont="1" applyBorder="1" applyAlignment="1">
      <alignment horizontal="center" vertical="center" wrapText="1"/>
    </xf>
    <xf numFmtId="0" fontId="3" fillId="0" borderId="2" xfId="0" applyFont="1" applyBorder="1" applyAlignment="1">
      <alignment horizontal="left" vertical="center" wrapText="1"/>
    </xf>
    <xf numFmtId="0" fontId="2" fillId="0" borderId="34" xfId="0" applyFont="1" applyBorder="1" applyAlignment="1">
      <alignment horizontal="center" vertical="center" wrapText="1"/>
    </xf>
    <xf numFmtId="0" fontId="2" fillId="0" borderId="49" xfId="0" applyFont="1" applyBorder="1" applyAlignment="1">
      <alignment horizontal="center" vertical="center" wrapText="1"/>
    </xf>
    <xf numFmtId="0" fontId="2" fillId="0" borderId="15" xfId="0" applyFont="1" applyBorder="1" applyAlignment="1">
      <alignment horizontal="center" vertical="center" wrapText="1"/>
    </xf>
    <xf numFmtId="0" fontId="2" fillId="0" borderId="4" xfId="0" applyFont="1" applyBorder="1" applyAlignment="1">
      <alignment horizontal="center" vertical="center" wrapText="1"/>
    </xf>
    <xf numFmtId="0" fontId="2" fillId="0" borderId="16" xfId="0" applyFont="1" applyBorder="1" applyAlignment="1">
      <alignment horizontal="center" vertical="center" wrapText="1"/>
    </xf>
    <xf numFmtId="0" fontId="2" fillId="0" borderId="7" xfId="0" applyFont="1" applyBorder="1" applyAlignment="1">
      <alignment horizontal="center" vertical="center" wrapText="1"/>
    </xf>
    <xf numFmtId="0" fontId="2" fillId="0" borderId="0" xfId="0" applyFont="1" applyBorder="1" applyAlignment="1">
      <alignment horizontal="center" vertical="center" wrapText="1"/>
    </xf>
    <xf numFmtId="0" fontId="2" fillId="0" borderId="24" xfId="0" applyFont="1" applyBorder="1" applyAlignment="1">
      <alignment horizontal="center" vertical="center" wrapText="1"/>
    </xf>
    <xf numFmtId="0" fontId="2" fillId="0" borderId="12" xfId="0" applyFont="1" applyBorder="1" applyAlignment="1">
      <alignment horizontal="center" vertical="center" wrapText="1"/>
    </xf>
    <xf numFmtId="0" fontId="2" fillId="0" borderId="13" xfId="0" applyFont="1" applyBorder="1" applyAlignment="1">
      <alignment horizontal="center" vertical="center" wrapText="1"/>
    </xf>
    <xf numFmtId="0" fontId="2" fillId="0" borderId="14" xfId="0" applyFont="1" applyBorder="1" applyAlignment="1">
      <alignment horizontal="center" vertical="center" wrapText="1"/>
    </xf>
    <xf numFmtId="0" fontId="2" fillId="0" borderId="30" xfId="0" applyFont="1" applyBorder="1" applyAlignment="1">
      <alignment horizontal="center" vertical="center" wrapText="1"/>
    </xf>
    <xf numFmtId="0" fontId="2" fillId="0" borderId="34" xfId="0" applyFont="1" applyFill="1" applyBorder="1" applyAlignment="1">
      <alignment horizontal="center" vertical="center" wrapText="1"/>
    </xf>
    <xf numFmtId="0" fontId="2" fillId="0" borderId="30" xfId="0" applyFont="1" applyFill="1" applyBorder="1" applyAlignment="1">
      <alignment horizontal="center" vertical="center" wrapText="1"/>
    </xf>
    <xf numFmtId="0" fontId="2" fillId="0" borderId="48" xfId="0" applyFont="1" applyBorder="1" applyAlignment="1">
      <alignment horizontal="center" vertical="center" wrapText="1"/>
    </xf>
    <xf numFmtId="0" fontId="2" fillId="0" borderId="8" xfId="0" applyFont="1" applyBorder="1" applyAlignment="1">
      <alignment horizontal="center" vertical="center" wrapText="1"/>
    </xf>
    <xf numFmtId="0" fontId="2" fillId="0" borderId="6" xfId="0" applyFont="1" applyBorder="1" applyAlignment="1">
      <alignment horizontal="center" vertical="center" wrapText="1"/>
    </xf>
    <xf numFmtId="0" fontId="2" fillId="0" borderId="47" xfId="0" applyFont="1" applyBorder="1" applyAlignment="1">
      <alignment horizontal="center" vertical="center" wrapText="1"/>
    </xf>
    <xf numFmtId="0" fontId="3" fillId="0" borderId="0" xfId="0" applyFont="1" applyBorder="1" applyAlignment="1">
      <alignment horizontal="left" vertical="center" wrapText="1"/>
    </xf>
    <xf numFmtId="0" fontId="2" fillId="0" borderId="1" xfId="0" applyFont="1" applyBorder="1" applyAlignment="1">
      <alignment horizontal="center" vertical="center" wrapText="1"/>
    </xf>
    <xf numFmtId="0" fontId="2" fillId="2" borderId="47" xfId="0" applyFont="1" applyFill="1" applyBorder="1" applyAlignment="1">
      <alignment horizontal="center" vertical="center" wrapText="1"/>
    </xf>
    <xf numFmtId="0" fontId="2" fillId="2" borderId="18" xfId="0" applyFont="1" applyFill="1" applyBorder="1" applyAlignment="1">
      <alignment horizontal="center" vertical="center" wrapText="1"/>
    </xf>
    <xf numFmtId="0" fontId="10" fillId="0" borderId="0" xfId="0" applyFont="1" applyAlignment="1">
      <alignment horizontal="center" vertical="center"/>
    </xf>
    <xf numFmtId="0" fontId="13" fillId="0" borderId="52" xfId="0" applyFont="1" applyBorder="1" applyAlignment="1">
      <alignment horizontal="center" vertical="center" wrapText="1"/>
    </xf>
    <xf numFmtId="0" fontId="2" fillId="0" borderId="53" xfId="0" applyFont="1" applyBorder="1" applyAlignment="1">
      <alignment vertical="center" wrapText="1"/>
    </xf>
    <xf numFmtId="0" fontId="2" fillId="0" borderId="54" xfId="0" applyFont="1" applyBorder="1" applyAlignment="1">
      <alignment vertical="center" wrapText="1"/>
    </xf>
    <xf numFmtId="0" fontId="5" fillId="0" borderId="52" xfId="0" applyFont="1" applyBorder="1" applyAlignment="1">
      <alignment horizontal="center" vertical="center" wrapText="1"/>
    </xf>
    <xf numFmtId="0" fontId="2" fillId="0" borderId="55" xfId="0" applyFont="1" applyBorder="1" applyAlignment="1">
      <alignment horizontal="center" vertical="center" wrapText="1"/>
    </xf>
    <xf numFmtId="0" fontId="2" fillId="0" borderId="53" xfId="0" applyFont="1" applyBorder="1" applyAlignment="1">
      <alignment horizontal="center" vertical="center" wrapText="1"/>
    </xf>
    <xf numFmtId="0" fontId="2" fillId="0" borderId="1" xfId="0" applyFont="1" applyBorder="1" applyAlignment="1">
      <alignment horizontal="center" vertical="center" wrapText="1"/>
    </xf>
    <xf numFmtId="0" fontId="14" fillId="0" borderId="2" xfId="0" applyFont="1" applyBorder="1" applyAlignment="1">
      <alignment vertical="center" wrapText="1"/>
    </xf>
    <xf numFmtId="0" fontId="2" fillId="2" borderId="11" xfId="0" applyFont="1" applyFill="1" applyBorder="1" applyAlignment="1">
      <alignment horizontal="center" vertical="center" wrapText="1"/>
    </xf>
    <xf numFmtId="0" fontId="2" fillId="0" borderId="30" xfId="0" applyFont="1" applyBorder="1" applyAlignment="1">
      <alignment vertical="center" wrapText="1"/>
    </xf>
    <xf numFmtId="0" fontId="15" fillId="0" borderId="1" xfId="0" applyFont="1" applyBorder="1" applyAlignment="1">
      <alignment horizontal="center" vertical="center"/>
    </xf>
    <xf numFmtId="0" fontId="19" fillId="0" borderId="26" xfId="0" applyFont="1" applyBorder="1" applyAlignment="1">
      <alignment horizontal="center" vertical="center"/>
    </xf>
    <xf numFmtId="0" fontId="13" fillId="0" borderId="27" xfId="0" applyFont="1" applyBorder="1" applyAlignment="1">
      <alignment horizontal="center" vertical="center" wrapText="1"/>
    </xf>
    <xf numFmtId="0" fontId="16" fillId="0" borderId="28" xfId="0" applyFont="1" applyBorder="1" applyAlignment="1">
      <alignment horizontal="center" vertical="center" wrapText="1"/>
    </xf>
    <xf numFmtId="0" fontId="19" fillId="0" borderId="29" xfId="0" applyFont="1" applyBorder="1" applyAlignment="1">
      <alignment vertical="center" wrapText="1"/>
    </xf>
    <xf numFmtId="0" fontId="19" fillId="0" borderId="31" xfId="0" applyFont="1" applyBorder="1" applyAlignment="1">
      <alignment vertical="center" wrapText="1"/>
    </xf>
    <xf numFmtId="0" fontId="19" fillId="0" borderId="19" xfId="0" applyFont="1" applyBorder="1" applyAlignment="1">
      <alignment vertical="center" wrapText="1"/>
    </xf>
    <xf numFmtId="0" fontId="19" fillId="0" borderId="1" xfId="0" applyFont="1" applyBorder="1" applyAlignment="1">
      <alignment vertical="center" wrapText="1"/>
    </xf>
    <xf numFmtId="0" fontId="19" fillId="0" borderId="10" xfId="0" applyFont="1" applyBorder="1" applyAlignment="1">
      <alignment vertical="center" wrapText="1"/>
    </xf>
    <xf numFmtId="0" fontId="19" fillId="0" borderId="36" xfId="0" applyFont="1" applyBorder="1" applyAlignment="1">
      <alignment vertical="center" wrapText="1"/>
    </xf>
    <xf numFmtId="0" fontId="19" fillId="0" borderId="20" xfId="0" applyFont="1" applyBorder="1" applyAlignment="1">
      <alignment vertical="center" wrapText="1"/>
    </xf>
    <xf numFmtId="0" fontId="19" fillId="0" borderId="1" xfId="0" applyFont="1" applyBorder="1">
      <alignment vertical="center"/>
    </xf>
    <xf numFmtId="0" fontId="19" fillId="0" borderId="40" xfId="0" applyFont="1" applyBorder="1" applyAlignment="1">
      <alignment vertical="center" wrapText="1"/>
    </xf>
    <xf numFmtId="0" fontId="19" fillId="0" borderId="34" xfId="0" applyFont="1" applyBorder="1">
      <alignment vertical="center"/>
    </xf>
    <xf numFmtId="0" fontId="19" fillId="0" borderId="41" xfId="0" applyFont="1" applyBorder="1" applyAlignment="1">
      <alignment vertical="center" wrapText="1"/>
    </xf>
    <xf numFmtId="0" fontId="19" fillId="0" borderId="36" xfId="0" applyFont="1" applyBorder="1">
      <alignment vertical="center"/>
    </xf>
    <xf numFmtId="0" fontId="19" fillId="0" borderId="43" xfId="0" applyFont="1" applyBorder="1" applyAlignment="1">
      <alignment vertical="center" wrapText="1"/>
    </xf>
    <xf numFmtId="0" fontId="19" fillId="0" borderId="44" xfId="0" applyFont="1" applyBorder="1" applyAlignment="1">
      <alignment vertical="center" wrapText="1"/>
    </xf>
    <xf numFmtId="0" fontId="19" fillId="2" borderId="10" xfId="0" applyFont="1" applyFill="1" applyBorder="1" applyAlignment="1">
      <alignment vertical="center" wrapText="1"/>
    </xf>
    <xf numFmtId="0" fontId="19" fillId="0" borderId="44" xfId="0" applyFont="1" applyFill="1" applyBorder="1" applyAlignment="1">
      <alignment vertical="center" wrapText="1"/>
    </xf>
    <xf numFmtId="0" fontId="19" fillId="0" borderId="10" xfId="0" applyFont="1" applyFill="1" applyBorder="1" applyAlignment="1">
      <alignment vertical="center" wrapText="1"/>
    </xf>
    <xf numFmtId="0" fontId="19" fillId="0" borderId="10" xfId="0" applyFont="1" applyFill="1" applyBorder="1" applyAlignment="1">
      <alignment horizontal="left" vertical="center" wrapText="1"/>
    </xf>
    <xf numFmtId="0" fontId="19" fillId="0" borderId="34" xfId="0" applyFont="1" applyBorder="1" applyAlignment="1">
      <alignment vertical="center" wrapText="1"/>
    </xf>
    <xf numFmtId="0" fontId="19" fillId="0" borderId="41" xfId="0" applyFont="1" applyFill="1" applyBorder="1" applyAlignment="1">
      <alignment vertical="center" wrapText="1"/>
    </xf>
    <xf numFmtId="0" fontId="19" fillId="0" borderId="31" xfId="0" applyFont="1" applyBorder="1">
      <alignment vertical="center"/>
    </xf>
    <xf numFmtId="0" fontId="19" fillId="0" borderId="0" xfId="0" applyFont="1" applyFill="1" applyBorder="1" applyAlignment="1">
      <alignment horizontal="center" vertical="center" wrapText="1"/>
    </xf>
    <xf numFmtId="0" fontId="19" fillId="0" borderId="19" xfId="0" applyFont="1" applyFill="1" applyBorder="1" applyAlignment="1">
      <alignment vertical="center" wrapText="1"/>
    </xf>
    <xf numFmtId="0" fontId="19" fillId="0" borderId="0" xfId="0" applyFont="1" applyBorder="1" applyAlignment="1">
      <alignment vertical="center" wrapText="1"/>
    </xf>
    <xf numFmtId="0" fontId="19" fillId="0" borderId="10" xfId="0" applyFont="1" applyBorder="1">
      <alignment vertical="center"/>
    </xf>
    <xf numFmtId="0" fontId="19" fillId="0" borderId="0" xfId="0" applyFont="1" applyBorder="1" applyAlignment="1">
      <alignment horizontal="center" vertical="center" wrapText="1"/>
    </xf>
    <xf numFmtId="0" fontId="19" fillId="0" borderId="0" xfId="0" applyFont="1" applyBorder="1" applyAlignment="1">
      <alignment horizontal="right" vertical="center"/>
    </xf>
    <xf numFmtId="0" fontId="19" fillId="4" borderId="0" xfId="0" applyFont="1" applyFill="1" applyBorder="1" applyAlignment="1">
      <alignment vertical="center"/>
    </xf>
    <xf numFmtId="0" fontId="19" fillId="0" borderId="0" xfId="0" applyFont="1" applyBorder="1" applyAlignment="1">
      <alignment vertical="center"/>
    </xf>
    <xf numFmtId="0" fontId="19" fillId="0" borderId="0" xfId="0" applyFont="1">
      <alignment vertical="center"/>
    </xf>
    <xf numFmtId="0" fontId="2" fillId="0" borderId="47" xfId="0" applyFont="1" applyBorder="1" applyAlignment="1">
      <alignment horizontal="center" vertical="center" wrapText="1"/>
    </xf>
    <xf numFmtId="0" fontId="2" fillId="0" borderId="1" xfId="0" applyFont="1" applyBorder="1" applyAlignment="1">
      <alignment horizontal="center" vertical="center" wrapText="1"/>
    </xf>
    <xf numFmtId="0" fontId="2" fillId="0" borderId="1" xfId="0" applyFont="1" applyBorder="1" applyAlignment="1">
      <alignment horizontal="center" vertical="center" wrapText="1"/>
    </xf>
    <xf numFmtId="0" fontId="2" fillId="0" borderId="47" xfId="0" applyFont="1" applyBorder="1" applyAlignment="1">
      <alignment horizontal="center" vertical="center" wrapText="1"/>
    </xf>
    <xf numFmtId="0" fontId="2" fillId="0" borderId="15" xfId="0" applyFont="1" applyFill="1" applyBorder="1" applyAlignment="1">
      <alignment horizontal="center" vertical="center" wrapText="1"/>
    </xf>
    <xf numFmtId="0" fontId="2" fillId="0" borderId="4" xfId="0" applyFont="1" applyFill="1" applyBorder="1" applyAlignment="1">
      <alignment horizontal="center" vertical="center" wrapText="1"/>
    </xf>
    <xf numFmtId="0" fontId="2" fillId="0" borderId="16" xfId="0" applyFont="1" applyFill="1" applyBorder="1" applyAlignment="1">
      <alignment horizontal="center" vertical="center" wrapText="1"/>
    </xf>
    <xf numFmtId="0" fontId="2" fillId="0" borderId="7" xfId="0" applyFont="1" applyFill="1" applyBorder="1" applyAlignment="1">
      <alignment horizontal="center" vertical="center" wrapText="1"/>
    </xf>
    <xf numFmtId="0" fontId="2" fillId="0" borderId="0" xfId="0" applyFont="1" applyFill="1" applyBorder="1" applyAlignment="1">
      <alignment horizontal="center" vertical="center" wrapText="1"/>
    </xf>
    <xf numFmtId="0" fontId="2" fillId="0" borderId="24" xfId="0" applyFont="1" applyFill="1" applyBorder="1" applyAlignment="1">
      <alignment horizontal="center" vertical="center" wrapText="1"/>
    </xf>
    <xf numFmtId="0" fontId="2" fillId="0" borderId="12" xfId="0" applyFont="1" applyFill="1" applyBorder="1" applyAlignment="1">
      <alignment horizontal="center" vertical="center" wrapText="1"/>
    </xf>
    <xf numFmtId="0" fontId="2" fillId="0" borderId="13" xfId="0" applyFont="1" applyFill="1" applyBorder="1" applyAlignment="1">
      <alignment horizontal="center" vertical="center" wrapText="1"/>
    </xf>
    <xf numFmtId="0" fontId="2" fillId="0" borderId="14" xfId="0" applyFont="1" applyFill="1" applyBorder="1" applyAlignment="1">
      <alignment horizontal="center" vertical="center" wrapText="1"/>
    </xf>
    <xf numFmtId="0" fontId="2" fillId="0" borderId="1" xfId="0" applyFont="1" applyBorder="1" applyAlignment="1">
      <alignment horizontal="center" vertical="center" wrapText="1"/>
    </xf>
    <xf numFmtId="0" fontId="2" fillId="0" borderId="47" xfId="0" applyFont="1" applyBorder="1" applyAlignment="1">
      <alignment horizontal="center" vertical="center" wrapText="1"/>
    </xf>
    <xf numFmtId="0" fontId="2" fillId="0" borderId="1" xfId="0" applyFont="1" applyBorder="1" applyAlignment="1">
      <alignment horizontal="center" vertical="center" wrapText="1"/>
    </xf>
    <xf numFmtId="0" fontId="2" fillId="0" borderId="8" xfId="0" applyFont="1" applyBorder="1" applyAlignment="1">
      <alignment vertical="center" wrapText="1"/>
    </xf>
    <xf numFmtId="0" fontId="3" fillId="0" borderId="0" xfId="0" applyFont="1" applyBorder="1" applyAlignment="1">
      <alignment horizontal="center" vertical="center" wrapText="1"/>
    </xf>
    <xf numFmtId="0" fontId="2" fillId="0" borderId="34" xfId="0" applyFont="1" applyBorder="1" applyAlignment="1">
      <alignment horizontal="center" vertical="center" wrapText="1"/>
    </xf>
    <xf numFmtId="0" fontId="2" fillId="0" borderId="49" xfId="0" applyFont="1" applyBorder="1" applyAlignment="1">
      <alignment horizontal="center" vertical="center" wrapText="1"/>
    </xf>
    <xf numFmtId="0" fontId="2" fillId="0" borderId="0" xfId="0" applyFont="1" applyBorder="1" applyAlignment="1">
      <alignment horizontal="center" vertical="center" wrapText="1"/>
    </xf>
    <xf numFmtId="0" fontId="2" fillId="0" borderId="30" xfId="0" applyFont="1" applyBorder="1" applyAlignment="1">
      <alignment horizontal="center" vertical="center" wrapText="1"/>
    </xf>
    <xf numFmtId="0" fontId="2" fillId="0" borderId="47" xfId="0" applyFont="1" applyBorder="1" applyAlignment="1">
      <alignment horizontal="center" vertical="center" wrapText="1"/>
    </xf>
    <xf numFmtId="0" fontId="2" fillId="0" borderId="8" xfId="0" applyFont="1" applyBorder="1" applyAlignment="1">
      <alignment horizontal="center" vertical="center" wrapText="1"/>
    </xf>
    <xf numFmtId="0" fontId="2" fillId="0" borderId="1" xfId="0" applyFont="1" applyBorder="1" applyAlignment="1">
      <alignment horizontal="center" vertical="center" wrapText="1"/>
    </xf>
    <xf numFmtId="0" fontId="2" fillId="2" borderId="18" xfId="0" applyFont="1" applyFill="1" applyBorder="1" applyAlignment="1">
      <alignment horizontal="center" vertical="center" wrapText="1"/>
    </xf>
    <xf numFmtId="0" fontId="11" fillId="0" borderId="0" xfId="0" applyFont="1" applyBorder="1">
      <alignment vertical="center"/>
    </xf>
    <xf numFmtId="56" fontId="2" fillId="2" borderId="1" xfId="0" quotePrefix="1" applyNumberFormat="1" applyFont="1" applyFill="1" applyBorder="1" applyAlignment="1">
      <alignment horizontal="center" vertical="center" wrapText="1"/>
    </xf>
    <xf numFmtId="0" fontId="2" fillId="0" borderId="10" xfId="0" applyFont="1" applyBorder="1" applyAlignment="1">
      <alignment horizontal="center" vertical="center" wrapText="1"/>
    </xf>
    <xf numFmtId="0" fontId="19" fillId="0" borderId="48" xfId="0" applyFont="1" applyBorder="1" applyAlignment="1">
      <alignment vertical="center" wrapText="1"/>
    </xf>
    <xf numFmtId="0" fontId="2" fillId="0" borderId="31" xfId="0" applyFont="1" applyBorder="1" applyAlignment="1">
      <alignment horizontal="center" vertical="center" wrapText="1"/>
    </xf>
    <xf numFmtId="0" fontId="2" fillId="0" borderId="47" xfId="0" applyFont="1" applyBorder="1" applyAlignment="1">
      <alignment horizontal="center" vertical="center" wrapText="1"/>
    </xf>
    <xf numFmtId="0" fontId="2" fillId="0" borderId="1" xfId="0" applyFont="1" applyBorder="1" applyAlignment="1">
      <alignment horizontal="center" vertical="center" wrapText="1"/>
    </xf>
    <xf numFmtId="0" fontId="2" fillId="0" borderId="1" xfId="0" applyFont="1" applyBorder="1" applyAlignment="1">
      <alignment horizontal="center" vertical="center" wrapText="1"/>
    </xf>
    <xf numFmtId="0" fontId="2" fillId="2" borderId="47" xfId="0" applyFont="1" applyFill="1" applyBorder="1" applyAlignment="1">
      <alignment horizontal="center" vertical="center" wrapText="1"/>
    </xf>
    <xf numFmtId="0" fontId="3" fillId="0" borderId="0" xfId="0" applyFont="1" applyBorder="1" applyAlignment="1">
      <alignment horizontal="center" vertical="center" wrapText="1"/>
    </xf>
    <xf numFmtId="0" fontId="2" fillId="0" borderId="1" xfId="0" applyFont="1" applyBorder="1" applyAlignment="1">
      <alignment horizontal="center" vertical="center" wrapText="1"/>
    </xf>
    <xf numFmtId="0" fontId="2" fillId="0" borderId="34" xfId="0" applyFont="1" applyBorder="1" applyAlignment="1">
      <alignment horizontal="center" vertical="center" wrapText="1"/>
    </xf>
    <xf numFmtId="0" fontId="2" fillId="0" borderId="1" xfId="0" applyFont="1" applyBorder="1" applyAlignment="1">
      <alignment horizontal="center" vertical="center" wrapText="1"/>
    </xf>
    <xf numFmtId="0" fontId="2" fillId="0" borderId="11" xfId="0" applyFont="1" applyBorder="1" applyAlignment="1">
      <alignment vertical="center" wrapText="1"/>
    </xf>
    <xf numFmtId="0" fontId="2" fillId="0" borderId="2" xfId="0" applyFont="1" applyBorder="1" applyAlignment="1">
      <alignment vertical="center" wrapText="1"/>
    </xf>
    <xf numFmtId="0" fontId="2" fillId="0" borderId="6" xfId="0" applyFont="1" applyBorder="1" applyAlignment="1">
      <alignment vertical="center" wrapText="1"/>
    </xf>
    <xf numFmtId="0" fontId="2" fillId="0" borderId="1" xfId="0" applyFont="1" applyBorder="1" applyAlignment="1">
      <alignment horizontal="center" vertical="center" wrapText="1"/>
    </xf>
    <xf numFmtId="0" fontId="2" fillId="0" borderId="34" xfId="0" applyFont="1" applyBorder="1" applyAlignment="1">
      <alignment horizontal="center" vertical="center" wrapText="1"/>
    </xf>
    <xf numFmtId="0" fontId="2" fillId="0" borderId="30" xfId="0" applyFont="1" applyBorder="1" applyAlignment="1">
      <alignment horizontal="center" vertical="center" wrapText="1"/>
    </xf>
    <xf numFmtId="0" fontId="2" fillId="0" borderId="31" xfId="0" applyFont="1" applyBorder="1" applyAlignment="1">
      <alignment horizontal="center" vertical="center" wrapText="1"/>
    </xf>
    <xf numFmtId="0" fontId="2" fillId="0" borderId="51" xfId="0" applyFont="1" applyBorder="1" applyAlignment="1">
      <alignment horizontal="center" vertical="center" wrapText="1"/>
    </xf>
    <xf numFmtId="0" fontId="4" fillId="0" borderId="0" xfId="0" applyFont="1" applyBorder="1" applyAlignment="1">
      <alignment horizontal="left" vertical="top" wrapText="1"/>
    </xf>
    <xf numFmtId="0" fontId="4" fillId="0" borderId="0" xfId="0" applyFont="1" applyBorder="1" applyAlignment="1">
      <alignment horizontal="left" vertical="top"/>
    </xf>
    <xf numFmtId="0" fontId="3" fillId="0" borderId="0" xfId="0" applyFont="1" applyBorder="1" applyAlignment="1">
      <alignment horizontal="center" vertical="center" wrapText="1"/>
    </xf>
    <xf numFmtId="0" fontId="3" fillId="0" borderId="2" xfId="0" applyFont="1" applyBorder="1" applyAlignment="1">
      <alignment horizontal="left" vertical="center" wrapText="1"/>
    </xf>
    <xf numFmtId="0" fontId="2" fillId="0" borderId="48" xfId="0" applyFont="1" applyBorder="1" applyAlignment="1">
      <alignment horizontal="center" vertical="center" wrapText="1"/>
    </xf>
    <xf numFmtId="0" fontId="2" fillId="0" borderId="5" xfId="0" applyFont="1" applyBorder="1" applyAlignment="1">
      <alignment horizontal="center" vertical="center" wrapText="1"/>
    </xf>
    <xf numFmtId="0" fontId="2" fillId="0" borderId="45" xfId="0" applyFont="1" applyBorder="1" applyAlignment="1">
      <alignment horizontal="center" vertical="center" wrapText="1"/>
    </xf>
    <xf numFmtId="0" fontId="2" fillId="0" borderId="49" xfId="0" applyFont="1" applyBorder="1" applyAlignment="1">
      <alignment horizontal="center" vertical="center" wrapText="1"/>
    </xf>
    <xf numFmtId="0" fontId="2" fillId="0" borderId="50" xfId="0" applyFont="1" applyBorder="1" applyAlignment="1">
      <alignment horizontal="center" vertical="center" wrapText="1"/>
    </xf>
    <xf numFmtId="0" fontId="2" fillId="0" borderId="15" xfId="0" applyFont="1" applyBorder="1" applyAlignment="1">
      <alignment horizontal="center" vertical="center" wrapText="1"/>
    </xf>
    <xf numFmtId="0" fontId="2" fillId="0" borderId="4" xfId="0" applyFont="1" applyBorder="1" applyAlignment="1">
      <alignment horizontal="center" vertical="center" wrapText="1"/>
    </xf>
    <xf numFmtId="0" fontId="2" fillId="0" borderId="16" xfId="0" applyFont="1" applyBorder="1" applyAlignment="1">
      <alignment horizontal="center" vertical="center" wrapText="1"/>
    </xf>
    <xf numFmtId="0" fontId="2" fillId="0" borderId="7" xfId="0" applyFont="1" applyBorder="1" applyAlignment="1">
      <alignment horizontal="center" vertical="center" wrapText="1"/>
    </xf>
    <xf numFmtId="0" fontId="2" fillId="0" borderId="0" xfId="0" applyFont="1" applyBorder="1" applyAlignment="1">
      <alignment horizontal="center" vertical="center" wrapText="1"/>
    </xf>
    <xf numFmtId="0" fontId="2" fillId="0" borderId="24" xfId="0" applyFont="1" applyBorder="1" applyAlignment="1">
      <alignment horizontal="center" vertical="center" wrapText="1"/>
    </xf>
    <xf numFmtId="0" fontId="2" fillId="0" borderId="12" xfId="0" applyFont="1" applyBorder="1" applyAlignment="1">
      <alignment horizontal="center" vertical="center" wrapText="1"/>
    </xf>
    <xf numFmtId="0" fontId="2" fillId="0" borderId="13" xfId="0" applyFont="1" applyBorder="1" applyAlignment="1">
      <alignment horizontal="center" vertical="center" wrapText="1"/>
    </xf>
    <xf numFmtId="0" fontId="2" fillId="0" borderId="14" xfId="0" applyFont="1" applyBorder="1" applyAlignment="1">
      <alignment horizontal="center" vertical="center" wrapText="1"/>
    </xf>
    <xf numFmtId="0" fontId="4" fillId="0" borderId="0" xfId="0" applyFont="1" applyBorder="1" applyAlignment="1">
      <alignment horizontal="left" vertical="center" wrapText="1"/>
    </xf>
    <xf numFmtId="0" fontId="2" fillId="0" borderId="23" xfId="0" applyFont="1" applyBorder="1" applyAlignment="1">
      <alignment horizontal="center" vertical="center" wrapText="1"/>
    </xf>
    <xf numFmtId="0" fontId="14" fillId="0" borderId="2" xfId="0" applyFont="1" applyBorder="1" applyAlignment="1">
      <alignment horizontal="left" vertical="center" wrapText="1"/>
    </xf>
    <xf numFmtId="0" fontId="0" fillId="0" borderId="30" xfId="0" applyFont="1" applyBorder="1">
      <alignment vertical="center"/>
    </xf>
    <xf numFmtId="0" fontId="0" fillId="0" borderId="31" xfId="0" applyFont="1" applyBorder="1">
      <alignment vertical="center"/>
    </xf>
    <xf numFmtId="0" fontId="2" fillId="0" borderId="34" xfId="0" applyFont="1" applyFill="1" applyBorder="1" applyAlignment="1">
      <alignment horizontal="center" vertical="center" wrapText="1" shrinkToFit="1"/>
    </xf>
    <xf numFmtId="0" fontId="2" fillId="0" borderId="31" xfId="0" applyFont="1" applyFill="1" applyBorder="1" applyAlignment="1">
      <alignment horizontal="center" vertical="center" shrinkToFit="1"/>
    </xf>
    <xf numFmtId="0" fontId="2" fillId="0" borderId="47" xfId="0" applyFont="1" applyBorder="1" applyAlignment="1">
      <alignment horizontal="center" vertical="center" wrapText="1"/>
    </xf>
    <xf numFmtId="0" fontId="2" fillId="0" borderId="17" xfId="0" applyFont="1" applyBorder="1" applyAlignment="1">
      <alignment horizontal="center" vertical="center" wrapText="1"/>
    </xf>
    <xf numFmtId="0" fontId="2" fillId="0" borderId="18" xfId="0" applyFont="1" applyBorder="1" applyAlignment="1">
      <alignment horizontal="center" vertical="center" wrapText="1"/>
    </xf>
    <xf numFmtId="0" fontId="3" fillId="0" borderId="2" xfId="0" applyFont="1" applyBorder="1" applyAlignment="1">
      <alignment horizontal="center" vertical="center" wrapText="1"/>
    </xf>
    <xf numFmtId="0" fontId="2" fillId="0" borderId="8" xfId="0" applyFont="1" applyBorder="1" applyAlignment="1">
      <alignment horizontal="center" vertical="center" wrapText="1"/>
    </xf>
    <xf numFmtId="0" fontId="2" fillId="0" borderId="9" xfId="0" applyFont="1" applyBorder="1" applyAlignment="1">
      <alignment horizontal="center" vertical="center" wrapText="1"/>
    </xf>
    <xf numFmtId="0" fontId="2" fillId="0" borderId="2" xfId="0" applyFont="1" applyBorder="1" applyAlignment="1">
      <alignment horizontal="center" vertical="center" wrapText="1"/>
    </xf>
    <xf numFmtId="0" fontId="2" fillId="0" borderId="6" xfId="0" applyFont="1" applyBorder="1" applyAlignment="1">
      <alignment horizontal="center" vertical="center" wrapText="1"/>
    </xf>
    <xf numFmtId="0" fontId="2" fillId="0" borderId="11" xfId="0" applyFont="1" applyBorder="1" applyAlignment="1">
      <alignment horizontal="center" vertical="center" wrapText="1"/>
    </xf>
    <xf numFmtId="0" fontId="2" fillId="0" borderId="15" xfId="0" applyFont="1" applyFill="1" applyBorder="1" applyAlignment="1">
      <alignment horizontal="center" vertical="center" wrapText="1"/>
    </xf>
    <xf numFmtId="0" fontId="2" fillId="0" borderId="4" xfId="0" applyFont="1" applyFill="1" applyBorder="1" applyAlignment="1">
      <alignment horizontal="center" vertical="center" wrapText="1"/>
    </xf>
    <xf numFmtId="0" fontId="2" fillId="0" borderId="16" xfId="0" applyFont="1" applyFill="1" applyBorder="1" applyAlignment="1">
      <alignment horizontal="center" vertical="center" wrapText="1"/>
    </xf>
    <xf numFmtId="0" fontId="2" fillId="0" borderId="7" xfId="0" applyFont="1" applyFill="1" applyBorder="1" applyAlignment="1">
      <alignment horizontal="center" vertical="center" wrapText="1"/>
    </xf>
    <xf numFmtId="0" fontId="2" fillId="0" borderId="0" xfId="0" applyFont="1" applyFill="1" applyBorder="1" applyAlignment="1">
      <alignment horizontal="center" vertical="center" wrapText="1"/>
    </xf>
    <xf numFmtId="0" fontId="2" fillId="0" borderId="24" xfId="0" applyFont="1" applyFill="1" applyBorder="1" applyAlignment="1">
      <alignment horizontal="center" vertical="center" wrapText="1"/>
    </xf>
    <xf numFmtId="0" fontId="2" fillId="0" borderId="12" xfId="0" applyFont="1" applyFill="1" applyBorder="1" applyAlignment="1">
      <alignment horizontal="center" vertical="center" wrapText="1"/>
    </xf>
    <xf numFmtId="0" fontId="2" fillId="0" borderId="13" xfId="0" applyFont="1" applyFill="1" applyBorder="1" applyAlignment="1">
      <alignment horizontal="center" vertical="center" wrapText="1"/>
    </xf>
    <xf numFmtId="0" fontId="2" fillId="0" borderId="14" xfId="0" applyFont="1" applyFill="1" applyBorder="1" applyAlignment="1">
      <alignment horizontal="center" vertical="center" wrapText="1"/>
    </xf>
    <xf numFmtId="0" fontId="3" fillId="0" borderId="1" xfId="0" applyFont="1" applyBorder="1" applyAlignment="1">
      <alignment horizontal="center" vertical="center" wrapText="1"/>
    </xf>
    <xf numFmtId="0" fontId="3" fillId="0" borderId="34" xfId="0" applyFont="1" applyBorder="1" applyAlignment="1">
      <alignment horizontal="center" vertical="center" wrapText="1"/>
    </xf>
    <xf numFmtId="0" fontId="2" fillId="0" borderId="40" xfId="0" applyFont="1" applyBorder="1" applyAlignment="1">
      <alignment horizontal="center" vertical="center" wrapText="1"/>
    </xf>
    <xf numFmtId="0" fontId="2" fillId="0" borderId="19" xfId="0" applyFont="1" applyBorder="1" applyAlignment="1">
      <alignment horizontal="center" vertical="center" wrapText="1"/>
    </xf>
    <xf numFmtId="0" fontId="2" fillId="0" borderId="34" xfId="0" applyFont="1" applyFill="1" applyBorder="1" applyAlignment="1">
      <alignment horizontal="center" vertical="center" wrapText="1"/>
    </xf>
    <xf numFmtId="0" fontId="2" fillId="0" borderId="31" xfId="0" applyFont="1" applyFill="1" applyBorder="1" applyAlignment="1">
      <alignment horizontal="center" vertical="center" wrapText="1"/>
    </xf>
    <xf numFmtId="0" fontId="2" fillId="0" borderId="41" xfId="0" applyFont="1" applyFill="1" applyBorder="1" applyAlignment="1">
      <alignment horizontal="center" vertical="center" wrapText="1"/>
    </xf>
    <xf numFmtId="0" fontId="2" fillId="0" borderId="19" xfId="0" applyFont="1" applyFill="1" applyBorder="1" applyAlignment="1">
      <alignment horizontal="center" vertical="center" wrapText="1"/>
    </xf>
    <xf numFmtId="0" fontId="3" fillId="0" borderId="0" xfId="0" applyFont="1" applyBorder="1" applyAlignment="1">
      <alignment horizontal="center" wrapText="1"/>
    </xf>
    <xf numFmtId="0" fontId="3" fillId="0" borderId="0" xfId="0" applyFont="1" applyBorder="1" applyAlignment="1">
      <alignment horizontal="left" vertical="center" wrapText="1"/>
    </xf>
    <xf numFmtId="0" fontId="4" fillId="0" borderId="0" xfId="0" applyFont="1" applyAlignment="1">
      <alignment horizontal="left" vertical="center" wrapText="1"/>
    </xf>
    <xf numFmtId="0" fontId="4" fillId="0" borderId="0" xfId="0" applyFont="1" applyAlignment="1">
      <alignment horizontal="left" vertical="center"/>
    </xf>
    <xf numFmtId="0" fontId="7" fillId="0" borderId="2" xfId="0" applyFont="1" applyBorder="1" applyAlignment="1">
      <alignment horizontal="center" vertical="center" wrapText="1"/>
    </xf>
    <xf numFmtId="0" fontId="4" fillId="0" borderId="2" xfId="0" applyFont="1" applyBorder="1" applyAlignment="1">
      <alignment horizontal="left" vertical="center" wrapText="1"/>
    </xf>
    <xf numFmtId="0" fontId="4" fillId="0" borderId="2" xfId="0" applyFont="1" applyBorder="1" applyAlignment="1">
      <alignment horizontal="left" vertical="center"/>
    </xf>
    <xf numFmtId="0" fontId="3" fillId="0" borderId="23" xfId="0" applyFont="1" applyBorder="1" applyAlignment="1">
      <alignment horizontal="center" vertical="center" wrapText="1"/>
    </xf>
    <xf numFmtId="0" fontId="3" fillId="0" borderId="11" xfId="0" applyFont="1" applyBorder="1" applyAlignment="1">
      <alignment horizontal="center" vertical="center" wrapText="1"/>
    </xf>
    <xf numFmtId="0" fontId="2" fillId="0" borderId="1" xfId="0" applyFont="1" applyBorder="1" applyAlignment="1">
      <alignment horizontal="center" vertical="center" wrapText="1"/>
    </xf>
    <xf numFmtId="0" fontId="7" fillId="0" borderId="47" xfId="0" applyFont="1" applyBorder="1" applyAlignment="1">
      <alignment horizontal="center" vertical="center" wrapText="1"/>
    </xf>
    <xf numFmtId="0" fontId="7" fillId="0" borderId="17" xfId="0" applyFont="1" applyBorder="1" applyAlignment="1">
      <alignment horizontal="center" vertical="center" wrapText="1"/>
    </xf>
    <xf numFmtId="0" fontId="7" fillId="0" borderId="18" xfId="0" applyFont="1" applyBorder="1" applyAlignment="1">
      <alignment horizontal="center" vertical="center" wrapText="1"/>
    </xf>
    <xf numFmtId="0" fontId="2" fillId="0" borderId="47" xfId="0" applyFont="1" applyFill="1" applyBorder="1" applyAlignment="1">
      <alignment horizontal="center" vertical="center" wrapText="1"/>
    </xf>
    <xf numFmtId="0" fontId="2" fillId="0" borderId="17" xfId="0" applyFont="1" applyFill="1" applyBorder="1" applyAlignment="1">
      <alignment horizontal="center" vertical="center" wrapText="1"/>
    </xf>
    <xf numFmtId="0" fontId="2" fillId="0" borderId="18" xfId="0" applyFont="1" applyFill="1" applyBorder="1" applyAlignment="1">
      <alignment horizontal="center" vertical="center" wrapText="1"/>
    </xf>
    <xf numFmtId="0" fontId="2" fillId="2" borderId="47" xfId="0" applyFont="1" applyFill="1" applyBorder="1" applyAlignment="1">
      <alignment horizontal="center" vertical="center" wrapText="1"/>
    </xf>
    <xf numFmtId="0" fontId="2" fillId="2" borderId="17" xfId="0" applyFont="1" applyFill="1" applyBorder="1" applyAlignment="1">
      <alignment horizontal="center" vertical="center" wrapText="1"/>
    </xf>
    <xf numFmtId="0" fontId="2" fillId="2" borderId="18" xfId="0" applyFont="1" applyFill="1" applyBorder="1" applyAlignment="1">
      <alignment horizontal="center" vertical="center" wrapText="1"/>
    </xf>
    <xf numFmtId="0" fontId="19" fillId="0" borderId="33" xfId="0" applyFont="1" applyBorder="1" applyAlignment="1">
      <alignment horizontal="center" vertical="center" wrapText="1"/>
    </xf>
    <xf numFmtId="0" fontId="19" fillId="0" borderId="22" xfId="0" applyFont="1" applyBorder="1" applyAlignment="1">
      <alignment horizontal="center" vertical="center" wrapText="1"/>
    </xf>
    <xf numFmtId="0" fontId="19" fillId="0" borderId="32" xfId="0" applyFont="1" applyBorder="1" applyAlignment="1">
      <alignment horizontal="center" vertical="center" wrapText="1"/>
    </xf>
    <xf numFmtId="0" fontId="19" fillId="0" borderId="34" xfId="0" applyFont="1" applyBorder="1" applyAlignment="1">
      <alignment horizontal="center" vertical="center"/>
    </xf>
    <xf numFmtId="0" fontId="19" fillId="0" borderId="30" xfId="0" applyFont="1" applyBorder="1" applyAlignment="1">
      <alignment horizontal="center" vertical="center"/>
    </xf>
    <xf numFmtId="0" fontId="19" fillId="0" borderId="31" xfId="0" applyFont="1" applyBorder="1" applyAlignment="1">
      <alignment horizontal="center" vertical="center"/>
    </xf>
    <xf numFmtId="0" fontId="2" fillId="0" borderId="22" xfId="0" applyFont="1" applyBorder="1">
      <alignment vertical="center"/>
    </xf>
    <xf numFmtId="0" fontId="2" fillId="0" borderId="25" xfId="0" applyFont="1" applyBorder="1">
      <alignment vertical="center"/>
    </xf>
    <xf numFmtId="0" fontId="19" fillId="0" borderId="35" xfId="0" applyFont="1" applyBorder="1" applyAlignment="1">
      <alignment horizontal="center" vertical="center"/>
    </xf>
    <xf numFmtId="0" fontId="19" fillId="0" borderId="21" xfId="0" applyFont="1" applyBorder="1" applyAlignment="1">
      <alignment horizontal="center" vertical="center" wrapText="1"/>
    </xf>
    <xf numFmtId="0" fontId="19" fillId="0" borderId="42" xfId="0" applyFont="1" applyBorder="1" applyAlignment="1">
      <alignment horizontal="center" vertical="center"/>
    </xf>
    <xf numFmtId="0" fontId="13" fillId="0" borderId="33" xfId="0" applyFont="1" applyBorder="1" applyAlignment="1">
      <alignment horizontal="center" vertical="center" wrapText="1"/>
    </xf>
    <xf numFmtId="0" fontId="13" fillId="0" borderId="32" xfId="0" applyFont="1" applyBorder="1" applyAlignment="1">
      <alignment horizontal="center" vertical="center" wrapText="1"/>
    </xf>
    <xf numFmtId="0" fontId="19" fillId="0" borderId="46" xfId="0" applyFont="1" applyBorder="1" applyAlignment="1">
      <alignment horizontal="center" vertical="center" wrapText="1"/>
    </xf>
    <xf numFmtId="0" fontId="19" fillId="0" borderId="1" xfId="0" applyFont="1" applyBorder="1" applyAlignment="1">
      <alignment horizontal="center" vertical="center"/>
    </xf>
    <xf numFmtId="0" fontId="19" fillId="0" borderId="0" xfId="0" applyFont="1" applyFill="1" applyBorder="1" applyAlignment="1">
      <alignment horizontal="center" vertical="center" wrapText="1"/>
    </xf>
    <xf numFmtId="0" fontId="19" fillId="0" borderId="25" xfId="0" applyFont="1" applyBorder="1" applyAlignment="1">
      <alignment horizontal="center" vertical="center" wrapText="1"/>
    </xf>
    <xf numFmtId="0" fontId="19" fillId="3" borderId="37" xfId="0" applyFont="1" applyFill="1" applyBorder="1" applyAlignment="1">
      <alignment horizontal="left" vertical="center" wrapText="1"/>
    </xf>
    <xf numFmtId="0" fontId="19" fillId="3" borderId="38" xfId="0" applyFont="1" applyFill="1" applyBorder="1" applyAlignment="1">
      <alignment horizontal="left" vertical="center" wrapText="1"/>
    </xf>
    <xf numFmtId="0" fontId="19" fillId="3" borderId="39" xfId="0" applyFont="1" applyFill="1" applyBorder="1" applyAlignment="1">
      <alignment horizontal="left" vertical="center" wrapText="1"/>
    </xf>
    <xf numFmtId="0" fontId="19" fillId="0" borderId="3" xfId="0" applyFont="1" applyBorder="1" applyAlignment="1">
      <alignment horizontal="center" vertical="center"/>
    </xf>
    <xf numFmtId="0" fontId="19" fillId="0" borderId="23" xfId="0" applyFont="1" applyBorder="1" applyAlignment="1">
      <alignment horizontal="center" vertical="center"/>
    </xf>
    <xf numFmtId="0" fontId="19" fillId="0" borderId="5" xfId="0" applyFont="1" applyBorder="1" applyAlignment="1">
      <alignment horizontal="center" vertical="center"/>
    </xf>
    <xf numFmtId="0" fontId="19" fillId="3" borderId="37" xfId="0" applyFont="1" applyFill="1" applyBorder="1" applyAlignment="1">
      <alignment horizontal="left" vertical="top" wrapText="1"/>
    </xf>
    <xf numFmtId="0" fontId="19" fillId="3" borderId="38" xfId="0" applyFont="1" applyFill="1" applyBorder="1" applyAlignment="1">
      <alignment horizontal="left" vertical="top" wrapText="1"/>
    </xf>
    <xf numFmtId="0" fontId="19" fillId="3" borderId="39" xfId="0" applyFont="1" applyFill="1" applyBorder="1" applyAlignment="1">
      <alignment horizontal="left" vertical="top" wrapText="1"/>
    </xf>
    <xf numFmtId="0" fontId="7" fillId="0" borderId="0" xfId="0" applyFont="1" applyAlignment="1">
      <alignment horizontal="center" vertical="center"/>
    </xf>
    <xf numFmtId="0" fontId="7" fillId="0" borderId="47" xfId="0" applyFont="1" applyBorder="1" applyAlignment="1">
      <alignment horizontal="center" vertical="center"/>
    </xf>
    <xf numFmtId="0" fontId="7" fillId="0" borderId="17" xfId="0" applyFont="1" applyBorder="1" applyAlignment="1">
      <alignment horizontal="center" vertical="center"/>
    </xf>
    <xf numFmtId="0" fontId="7" fillId="0" borderId="18" xfId="0" applyFont="1" applyBorder="1" applyAlignment="1">
      <alignment horizontal="center" vertical="center"/>
    </xf>
    <xf numFmtId="0" fontId="19" fillId="0" borderId="0" xfId="0" applyFont="1" applyBorder="1" applyAlignment="1">
      <alignment horizontal="left" vertical="center" wrapText="1"/>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0</xdr:colOff>
      <xdr:row>1</xdr:row>
      <xdr:rowOff>0</xdr:rowOff>
    </xdr:from>
    <xdr:to>
      <xdr:col>2</xdr:col>
      <xdr:colOff>816429</xdr:colOff>
      <xdr:row>3</xdr:row>
      <xdr:rowOff>95250</xdr:rowOff>
    </xdr:to>
    <xdr:sp macro="" textlink="">
      <xdr:nvSpPr>
        <xdr:cNvPr id="4" name="テキスト ボックス 3"/>
        <xdr:cNvSpPr txBox="1"/>
      </xdr:nvSpPr>
      <xdr:spPr>
        <a:xfrm>
          <a:off x="272143" y="299357"/>
          <a:ext cx="1823357" cy="367393"/>
        </a:xfrm>
        <a:prstGeom prst="rect">
          <a:avLst/>
        </a:prstGeom>
        <a:solidFill>
          <a:sysClr val="window" lastClr="FFFFFF"/>
        </a:solidFill>
        <a:ln w="28575" cmpd="sng">
          <a:solidFill>
            <a:sysClr val="windowText" lastClr="000000"/>
          </a:solid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1" i="0" u="none" strike="noStrike" kern="0" cap="none" spc="0" normalizeH="0" baseline="0" noProof="0" smtClean="0">
              <a:ln>
                <a:noFill/>
              </a:ln>
              <a:solidFill>
                <a:sysClr val="windowText" lastClr="000000"/>
              </a:solidFill>
              <a:effectLst/>
              <a:uLnTx/>
              <a:uFillTx/>
              <a:latin typeface="Calibri" panose="020F0502020204030204"/>
              <a:ea typeface="ＭＳ Ｐゴシック" panose="020B0600070205080204" pitchFamily="50" charset="-128"/>
              <a:cs typeface="+mn-cs"/>
            </a:rPr>
            <a:t>生活援助従事者研修</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246530</xdr:colOff>
      <xdr:row>1</xdr:row>
      <xdr:rowOff>67235</xdr:rowOff>
    </xdr:from>
    <xdr:to>
      <xdr:col>2</xdr:col>
      <xdr:colOff>680358</xdr:colOff>
      <xdr:row>2</xdr:row>
      <xdr:rowOff>210511</xdr:rowOff>
    </xdr:to>
    <xdr:sp macro="" textlink="">
      <xdr:nvSpPr>
        <xdr:cNvPr id="2" name="テキスト ボックス 1"/>
        <xdr:cNvSpPr txBox="1"/>
      </xdr:nvSpPr>
      <xdr:spPr>
        <a:xfrm>
          <a:off x="246530" y="291353"/>
          <a:ext cx="1823357" cy="367393"/>
        </a:xfrm>
        <a:prstGeom prst="rect">
          <a:avLst/>
        </a:prstGeom>
        <a:solidFill>
          <a:sysClr val="window" lastClr="FFFFFF"/>
        </a:solidFill>
        <a:ln w="28575" cmpd="sng">
          <a:solidFill>
            <a:sysClr val="windowText" lastClr="000000"/>
          </a:solid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1" i="0" u="none" strike="noStrike" kern="0" cap="none" spc="0" normalizeH="0" baseline="0" noProof="0" smtClean="0">
              <a:ln>
                <a:noFill/>
              </a:ln>
              <a:solidFill>
                <a:sysClr val="windowText" lastClr="000000"/>
              </a:solidFill>
              <a:effectLst/>
              <a:uLnTx/>
              <a:uFillTx/>
              <a:latin typeface="Calibri" panose="020F0502020204030204"/>
              <a:ea typeface="ＭＳ Ｐゴシック" panose="020B0600070205080204" pitchFamily="50" charset="-128"/>
              <a:cs typeface="+mn-cs"/>
            </a:rPr>
            <a:t>生活援助従事者研修</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161925</xdr:colOff>
      <xdr:row>1</xdr:row>
      <xdr:rowOff>38099</xdr:rowOff>
    </xdr:from>
    <xdr:to>
      <xdr:col>2</xdr:col>
      <xdr:colOff>718457</xdr:colOff>
      <xdr:row>2</xdr:row>
      <xdr:rowOff>129267</xdr:rowOff>
    </xdr:to>
    <xdr:sp macro="" textlink="">
      <xdr:nvSpPr>
        <xdr:cNvPr id="2" name="テキスト ボックス 1"/>
        <xdr:cNvSpPr txBox="1"/>
      </xdr:nvSpPr>
      <xdr:spPr>
        <a:xfrm>
          <a:off x="161925" y="314324"/>
          <a:ext cx="1823357" cy="367393"/>
        </a:xfrm>
        <a:prstGeom prst="rect">
          <a:avLst/>
        </a:prstGeom>
        <a:solidFill>
          <a:sysClr val="window" lastClr="FFFFFF"/>
        </a:solidFill>
        <a:ln w="28575" cmpd="sng">
          <a:solidFill>
            <a:sysClr val="windowText" lastClr="000000"/>
          </a:solid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1" i="0" u="none" strike="noStrike" kern="0" cap="none" spc="0" normalizeH="0" baseline="0" noProof="0" smtClean="0">
              <a:ln>
                <a:noFill/>
              </a:ln>
              <a:solidFill>
                <a:sysClr val="windowText" lastClr="000000"/>
              </a:solidFill>
              <a:effectLst/>
              <a:uLnTx/>
              <a:uFillTx/>
              <a:latin typeface="Calibri" panose="020F0502020204030204"/>
              <a:ea typeface="ＭＳ Ｐゴシック" panose="020B0600070205080204" pitchFamily="50" charset="-128"/>
              <a:cs typeface="+mn-cs"/>
            </a:rPr>
            <a:t>生活援助従事者研修</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231321</xdr:colOff>
      <xdr:row>0</xdr:row>
      <xdr:rowOff>190500</xdr:rowOff>
    </xdr:from>
    <xdr:to>
      <xdr:col>2</xdr:col>
      <xdr:colOff>95249</xdr:colOff>
      <xdr:row>2</xdr:row>
      <xdr:rowOff>244929</xdr:rowOff>
    </xdr:to>
    <xdr:sp macro="" textlink="">
      <xdr:nvSpPr>
        <xdr:cNvPr id="4" name="テキスト ボックス 3"/>
        <xdr:cNvSpPr txBox="1"/>
      </xdr:nvSpPr>
      <xdr:spPr>
        <a:xfrm>
          <a:off x="231321" y="190500"/>
          <a:ext cx="1823357" cy="367393"/>
        </a:xfrm>
        <a:prstGeom prst="rect">
          <a:avLst/>
        </a:prstGeom>
        <a:solidFill>
          <a:sysClr val="window" lastClr="FFFFFF"/>
        </a:solidFill>
        <a:ln w="28575" cmpd="sng">
          <a:solidFill>
            <a:sysClr val="windowText" lastClr="000000"/>
          </a:solid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1" i="0" u="none" strike="noStrike" kern="0" cap="none" spc="0" normalizeH="0" baseline="0" noProof="0" smtClean="0">
              <a:ln>
                <a:noFill/>
              </a:ln>
              <a:solidFill>
                <a:sysClr val="windowText" lastClr="000000"/>
              </a:solidFill>
              <a:effectLst/>
              <a:uLnTx/>
              <a:uFillTx/>
              <a:latin typeface="Calibri" panose="020F0502020204030204"/>
              <a:ea typeface="ＭＳ Ｐゴシック" panose="020B0600070205080204" pitchFamily="50" charset="-128"/>
              <a:cs typeface="+mn-cs"/>
            </a:rPr>
            <a:t>生活援助従事者研修</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108857</xdr:colOff>
      <xdr:row>0</xdr:row>
      <xdr:rowOff>244928</xdr:rowOff>
    </xdr:from>
    <xdr:to>
      <xdr:col>2</xdr:col>
      <xdr:colOff>503464</xdr:colOff>
      <xdr:row>3</xdr:row>
      <xdr:rowOff>0</xdr:rowOff>
    </xdr:to>
    <xdr:sp macro="" textlink="">
      <xdr:nvSpPr>
        <xdr:cNvPr id="2" name="テキスト ボックス 1"/>
        <xdr:cNvSpPr txBox="1"/>
      </xdr:nvSpPr>
      <xdr:spPr>
        <a:xfrm>
          <a:off x="108857" y="244928"/>
          <a:ext cx="1823357" cy="367393"/>
        </a:xfrm>
        <a:prstGeom prst="rect">
          <a:avLst/>
        </a:prstGeom>
        <a:solidFill>
          <a:sysClr val="window" lastClr="FFFFFF"/>
        </a:solidFill>
        <a:ln w="28575" cmpd="sng">
          <a:solidFill>
            <a:sysClr val="windowText" lastClr="000000"/>
          </a:solid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1" i="0" u="none" strike="noStrike" kern="0" cap="none" spc="0" normalizeH="0" baseline="0" noProof="0" smtClean="0">
              <a:ln>
                <a:noFill/>
              </a:ln>
              <a:solidFill>
                <a:sysClr val="windowText" lastClr="000000"/>
              </a:solidFill>
              <a:effectLst/>
              <a:uLnTx/>
              <a:uFillTx/>
              <a:latin typeface="Calibri" panose="020F0502020204030204"/>
              <a:ea typeface="ＭＳ Ｐゴシック" panose="020B0600070205080204" pitchFamily="50" charset="-128"/>
              <a:cs typeface="+mn-cs"/>
            </a:rPr>
            <a:t>生活援助従事者研修</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K36"/>
  <sheetViews>
    <sheetView tabSelected="1" view="pageBreakPreview" zoomScale="70" zoomScaleNormal="100" zoomScaleSheetLayoutView="70" zoomScalePageLayoutView="60" workbookViewId="0">
      <selection activeCell="A14" sqref="A14"/>
    </sheetView>
  </sheetViews>
  <sheetFormatPr defaultColWidth="9" defaultRowHeight="14.4" x14ac:dyDescent="0.2"/>
  <cols>
    <col min="1" max="1" width="3.59765625" style="1" customWidth="1"/>
    <col min="2" max="2" width="13.09765625" style="2" customWidth="1"/>
    <col min="3" max="3" width="30.09765625" style="2" customWidth="1"/>
    <col min="4" max="4" width="31.19921875" style="2" customWidth="1"/>
    <col min="5" max="5" width="10.59765625" style="1" customWidth="1"/>
    <col min="6" max="6" width="10.5" style="1" customWidth="1"/>
    <col min="7" max="7" width="6.8984375" style="2" customWidth="1"/>
    <col min="8" max="16384" width="9" style="2"/>
  </cols>
  <sheetData>
    <row r="1" spans="1:11" s="4" customFormat="1" ht="24" customHeight="1" x14ac:dyDescent="0.2">
      <c r="A1" s="158" t="s">
        <v>380</v>
      </c>
      <c r="B1" s="158"/>
      <c r="C1" s="158"/>
      <c r="D1" s="158"/>
      <c r="E1" s="158"/>
      <c r="F1" s="158"/>
      <c r="G1" s="158"/>
    </row>
    <row r="2" spans="1:11" ht="6" customHeight="1" x14ac:dyDescent="0.2">
      <c r="A2" s="5"/>
      <c r="B2" s="5"/>
      <c r="C2" s="5"/>
      <c r="D2" s="5"/>
      <c r="E2" s="5"/>
      <c r="F2" s="5"/>
      <c r="G2" s="5"/>
    </row>
    <row r="3" spans="1:11" ht="15" customHeight="1" x14ac:dyDescent="0.2">
      <c r="A3" s="5"/>
      <c r="B3" s="5"/>
      <c r="C3" s="16" t="s">
        <v>24</v>
      </c>
      <c r="D3" s="159"/>
      <c r="E3" s="159"/>
      <c r="F3" s="159"/>
      <c r="G3" s="159"/>
    </row>
    <row r="4" spans="1:11" ht="11.25" customHeight="1" x14ac:dyDescent="0.2">
      <c r="A4" s="5"/>
      <c r="B4" s="5"/>
      <c r="C4" s="5"/>
      <c r="D4" s="5"/>
      <c r="E4" s="5"/>
      <c r="F4" s="5"/>
      <c r="G4" s="5"/>
    </row>
    <row r="5" spans="1:11" ht="18.75" customHeight="1" x14ac:dyDescent="0.2">
      <c r="A5" s="5"/>
      <c r="B5" s="17" t="s">
        <v>350</v>
      </c>
      <c r="C5" s="17"/>
      <c r="D5" s="17"/>
      <c r="E5" s="35"/>
      <c r="F5" s="35"/>
      <c r="G5" s="5"/>
      <c r="H5" s="5"/>
      <c r="I5" s="5"/>
      <c r="J5" s="5"/>
      <c r="K5" s="5"/>
    </row>
    <row r="6" spans="1:11" ht="21" x14ac:dyDescent="0.2">
      <c r="A6" s="5"/>
      <c r="B6" s="156" t="s">
        <v>351</v>
      </c>
      <c r="C6" s="157"/>
      <c r="D6" s="157"/>
      <c r="E6" s="157"/>
      <c r="F6" s="157"/>
      <c r="G6" s="157"/>
    </row>
    <row r="7" spans="1:11" ht="9.75" customHeight="1" x14ac:dyDescent="0.2">
      <c r="A7" s="5"/>
      <c r="B7" s="157"/>
      <c r="C7" s="157"/>
      <c r="D7" s="157"/>
      <c r="E7" s="157"/>
      <c r="F7" s="157"/>
      <c r="G7" s="157"/>
    </row>
    <row r="8" spans="1:11" ht="50.25" customHeight="1" x14ac:dyDescent="0.2">
      <c r="A8" s="5"/>
      <c r="B8" s="174" t="s">
        <v>381</v>
      </c>
      <c r="C8" s="174"/>
      <c r="D8" s="174"/>
      <c r="E8" s="174"/>
      <c r="F8" s="174"/>
      <c r="G8" s="174"/>
    </row>
    <row r="9" spans="1:11" ht="15" customHeight="1" thickBot="1" x14ac:dyDescent="0.25">
      <c r="A9" s="5"/>
      <c r="B9" s="5"/>
      <c r="C9" s="5"/>
      <c r="D9" s="5"/>
      <c r="E9" s="5"/>
      <c r="F9" s="5"/>
      <c r="G9" s="5"/>
    </row>
    <row r="10" spans="1:11" ht="36" customHeight="1" x14ac:dyDescent="0.2">
      <c r="A10" s="61"/>
      <c r="B10" s="61" t="s">
        <v>25</v>
      </c>
      <c r="C10" s="61" t="s">
        <v>2</v>
      </c>
      <c r="D10" s="122" t="s">
        <v>347</v>
      </c>
      <c r="E10" s="61" t="s">
        <v>199</v>
      </c>
      <c r="F10" s="59" t="s">
        <v>200</v>
      </c>
      <c r="G10" s="65" t="s">
        <v>0</v>
      </c>
    </row>
    <row r="11" spans="1:11" ht="28.8" x14ac:dyDescent="0.2">
      <c r="A11" s="153" t="s">
        <v>502</v>
      </c>
      <c r="B11" s="152" t="s">
        <v>6</v>
      </c>
      <c r="C11" s="152" t="s">
        <v>382</v>
      </c>
      <c r="D11" s="3" t="s">
        <v>241</v>
      </c>
      <c r="E11" s="61" t="s">
        <v>238</v>
      </c>
      <c r="F11" s="59" t="s">
        <v>293</v>
      </c>
      <c r="G11" s="66"/>
    </row>
    <row r="12" spans="1:11" ht="43.2" x14ac:dyDescent="0.2">
      <c r="A12" s="153"/>
      <c r="B12" s="153"/>
      <c r="C12" s="153"/>
      <c r="D12" s="3" t="s">
        <v>240</v>
      </c>
      <c r="E12" s="61" t="s">
        <v>238</v>
      </c>
      <c r="F12" s="59" t="s">
        <v>238</v>
      </c>
      <c r="G12" s="66"/>
    </row>
    <row r="13" spans="1:11" ht="28.8" x14ac:dyDescent="0.2">
      <c r="A13" s="154"/>
      <c r="B13" s="154"/>
      <c r="C13" s="154"/>
      <c r="D13" s="3" t="s">
        <v>166</v>
      </c>
      <c r="E13" s="61" t="s">
        <v>488</v>
      </c>
      <c r="F13" s="59" t="s">
        <v>238</v>
      </c>
      <c r="G13" s="66"/>
    </row>
    <row r="14" spans="1:11" ht="28.8" x14ac:dyDescent="0.2">
      <c r="A14" s="61" t="s">
        <v>3</v>
      </c>
      <c r="B14" s="61" t="s">
        <v>9</v>
      </c>
      <c r="C14" s="61" t="s">
        <v>7</v>
      </c>
      <c r="D14" s="3" t="s">
        <v>294</v>
      </c>
      <c r="E14" s="133" t="s">
        <v>488</v>
      </c>
      <c r="F14" s="59" t="s">
        <v>238</v>
      </c>
      <c r="G14" s="66"/>
    </row>
    <row r="15" spans="1:11" ht="29.25" customHeight="1" x14ac:dyDescent="0.2">
      <c r="A15" s="139" t="s">
        <v>458</v>
      </c>
      <c r="B15" s="141" t="s">
        <v>455</v>
      </c>
      <c r="C15" s="139" t="s">
        <v>456</v>
      </c>
      <c r="D15" s="3" t="s">
        <v>457</v>
      </c>
      <c r="E15" s="141" t="s">
        <v>488</v>
      </c>
      <c r="F15" s="140" t="s">
        <v>238</v>
      </c>
      <c r="G15" s="66"/>
    </row>
    <row r="16" spans="1:11" ht="28.8" x14ac:dyDescent="0.2">
      <c r="A16" s="61" t="s">
        <v>459</v>
      </c>
      <c r="B16" s="61" t="s">
        <v>9</v>
      </c>
      <c r="C16" s="61" t="s">
        <v>8</v>
      </c>
      <c r="D16" s="3" t="s">
        <v>239</v>
      </c>
      <c r="E16" s="61" t="s">
        <v>488</v>
      </c>
      <c r="F16" s="59" t="s">
        <v>238</v>
      </c>
      <c r="G16" s="66"/>
    </row>
    <row r="17" spans="1:8" ht="57.6" x14ac:dyDescent="0.2">
      <c r="A17" s="61" t="s">
        <v>460</v>
      </c>
      <c r="B17" s="61" t="s">
        <v>9</v>
      </c>
      <c r="C17" s="61" t="s">
        <v>295</v>
      </c>
      <c r="D17" s="3" t="s">
        <v>500</v>
      </c>
      <c r="E17" s="61" t="s">
        <v>488</v>
      </c>
      <c r="F17" s="59" t="s">
        <v>238</v>
      </c>
      <c r="G17" s="66"/>
    </row>
    <row r="18" spans="1:8" ht="28.8" x14ac:dyDescent="0.2">
      <c r="A18" s="61" t="s">
        <v>278</v>
      </c>
      <c r="B18" s="61" t="s">
        <v>9</v>
      </c>
      <c r="C18" s="61" t="s">
        <v>10</v>
      </c>
      <c r="D18" s="3" t="s">
        <v>352</v>
      </c>
      <c r="E18" s="133" t="s">
        <v>488</v>
      </c>
      <c r="F18" s="59" t="s">
        <v>293</v>
      </c>
      <c r="G18" s="66"/>
    </row>
    <row r="19" spans="1:8" ht="43.2" x14ac:dyDescent="0.2">
      <c r="A19" s="61" t="s">
        <v>461</v>
      </c>
      <c r="B19" s="61" t="s">
        <v>9</v>
      </c>
      <c r="C19" s="61" t="s">
        <v>296</v>
      </c>
      <c r="D19" s="28" t="s">
        <v>353</v>
      </c>
      <c r="E19" s="133" t="s">
        <v>488</v>
      </c>
      <c r="F19" s="59" t="s">
        <v>293</v>
      </c>
      <c r="G19" s="66"/>
      <c r="H19" s="7"/>
    </row>
    <row r="20" spans="1:8" ht="72" x14ac:dyDescent="0.2">
      <c r="A20" s="42" t="s">
        <v>462</v>
      </c>
      <c r="B20" s="42" t="s">
        <v>9</v>
      </c>
      <c r="C20" s="42" t="s">
        <v>11</v>
      </c>
      <c r="D20" s="3" t="s">
        <v>383</v>
      </c>
      <c r="E20" s="133" t="s">
        <v>488</v>
      </c>
      <c r="F20" s="59" t="s">
        <v>238</v>
      </c>
      <c r="G20" s="66"/>
    </row>
    <row r="21" spans="1:8" ht="28.8" x14ac:dyDescent="0.2">
      <c r="A21" s="61" t="s">
        <v>463</v>
      </c>
      <c r="B21" s="61" t="s">
        <v>9</v>
      </c>
      <c r="C21" s="61" t="s">
        <v>12</v>
      </c>
      <c r="D21" s="3" t="s">
        <v>354</v>
      </c>
      <c r="E21" s="133" t="s">
        <v>488</v>
      </c>
      <c r="F21" s="59" t="s">
        <v>293</v>
      </c>
      <c r="G21" s="66"/>
    </row>
    <row r="22" spans="1:8" ht="43.2" x14ac:dyDescent="0.2">
      <c r="A22" s="61" t="s">
        <v>464</v>
      </c>
      <c r="B22" s="61" t="s">
        <v>9</v>
      </c>
      <c r="C22" s="61" t="s">
        <v>16</v>
      </c>
      <c r="D22" s="3" t="s">
        <v>377</v>
      </c>
      <c r="E22" s="133" t="s">
        <v>488</v>
      </c>
      <c r="F22" s="59">
        <v>13</v>
      </c>
      <c r="G22" s="66"/>
    </row>
    <row r="23" spans="1:8" ht="43.2" x14ac:dyDescent="0.2">
      <c r="A23" s="152" t="s">
        <v>465</v>
      </c>
      <c r="B23" s="152" t="s">
        <v>9</v>
      </c>
      <c r="C23" s="152" t="s">
        <v>17</v>
      </c>
      <c r="D23" s="3" t="s">
        <v>376</v>
      </c>
      <c r="E23" s="152" t="s">
        <v>488</v>
      </c>
      <c r="F23" s="160">
        <v>13</v>
      </c>
      <c r="G23" s="66"/>
    </row>
    <row r="24" spans="1:8" ht="72" x14ac:dyDescent="0.2">
      <c r="A24" s="154"/>
      <c r="B24" s="154"/>
      <c r="C24" s="154"/>
      <c r="D24" s="3" t="s">
        <v>297</v>
      </c>
      <c r="E24" s="154"/>
      <c r="F24" s="161"/>
      <c r="G24" s="66"/>
    </row>
    <row r="25" spans="1:8" ht="100.8" x14ac:dyDescent="0.2">
      <c r="A25" s="61" t="s">
        <v>466</v>
      </c>
      <c r="B25" s="61" t="s">
        <v>9</v>
      </c>
      <c r="C25" s="61" t="s">
        <v>18</v>
      </c>
      <c r="D25" s="3" t="s">
        <v>348</v>
      </c>
      <c r="E25" s="61" t="s">
        <v>489</v>
      </c>
      <c r="F25" s="112" t="s">
        <v>344</v>
      </c>
      <c r="G25" s="66"/>
    </row>
    <row r="26" spans="1:8" ht="36" customHeight="1" thickBot="1" x14ac:dyDescent="0.25">
      <c r="A26" s="61" t="s">
        <v>467</v>
      </c>
      <c r="B26" s="61" t="s">
        <v>20</v>
      </c>
      <c r="C26" s="61" t="s">
        <v>19</v>
      </c>
      <c r="D26" s="3" t="s">
        <v>501</v>
      </c>
      <c r="E26" s="133" t="s">
        <v>488</v>
      </c>
      <c r="F26" s="59" t="s">
        <v>188</v>
      </c>
      <c r="G26" s="67"/>
    </row>
    <row r="27" spans="1:8" ht="15" thickBot="1" x14ac:dyDescent="0.25"/>
    <row r="28" spans="1:8" x14ac:dyDescent="0.2">
      <c r="A28" s="162" t="s">
        <v>56</v>
      </c>
      <c r="B28" s="165"/>
      <c r="C28" s="166"/>
      <c r="D28" s="166"/>
      <c r="E28" s="166"/>
      <c r="F28" s="166"/>
      <c r="G28" s="167"/>
    </row>
    <row r="29" spans="1:8" x14ac:dyDescent="0.2">
      <c r="A29" s="163"/>
      <c r="B29" s="168"/>
      <c r="C29" s="169"/>
      <c r="D29" s="169"/>
      <c r="E29" s="169"/>
      <c r="F29" s="169"/>
      <c r="G29" s="170"/>
    </row>
    <row r="30" spans="1:8" ht="30.75" customHeight="1" thickBot="1" x14ac:dyDescent="0.25">
      <c r="A30" s="164"/>
      <c r="B30" s="171"/>
      <c r="C30" s="172"/>
      <c r="D30" s="172"/>
      <c r="E30" s="172"/>
      <c r="F30" s="172"/>
      <c r="G30" s="173"/>
    </row>
    <row r="32" spans="1:8" ht="23.25" customHeight="1" thickBot="1" x14ac:dyDescent="0.25">
      <c r="D32" s="12" t="s">
        <v>57</v>
      </c>
      <c r="E32" s="155"/>
      <c r="F32" s="155"/>
    </row>
    <row r="33" ht="15" thickTop="1" x14ac:dyDescent="0.2"/>
    <row r="35" ht="36" customHeight="1" x14ac:dyDescent="0.2"/>
    <row r="36" ht="36" customHeight="1" x14ac:dyDescent="0.2"/>
  </sheetData>
  <mergeCells count="15">
    <mergeCell ref="C11:C13"/>
    <mergeCell ref="E32:F32"/>
    <mergeCell ref="B6:G7"/>
    <mergeCell ref="A1:G1"/>
    <mergeCell ref="D3:G3"/>
    <mergeCell ref="C23:C24"/>
    <mergeCell ref="B23:B24"/>
    <mergeCell ref="A23:A24"/>
    <mergeCell ref="E23:E24"/>
    <mergeCell ref="F23:F24"/>
    <mergeCell ref="A28:A30"/>
    <mergeCell ref="B28:G30"/>
    <mergeCell ref="A11:A13"/>
    <mergeCell ref="B8:G8"/>
    <mergeCell ref="B11:B13"/>
  </mergeCells>
  <phoneticPr fontId="1"/>
  <printOptions horizontalCentered="1"/>
  <pageMargins left="0" right="0" top="0.35433070866141736" bottom="0.35433070866141736" header="0.31496062992125984" footer="0.31496062992125984"/>
  <pageSetup paperSize="9" scale="80" firstPageNumber="24" orientation="portrait" useFirstPageNumber="1" r:id="rId1"/>
  <headerFooter>
    <oddFooter>&amp;C&amp;P</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J69"/>
  <sheetViews>
    <sheetView view="pageBreakPreview" topLeftCell="A61" zoomScale="85" zoomScaleNormal="90" zoomScaleSheetLayoutView="85" workbookViewId="0">
      <selection activeCell="G68" sqref="G68"/>
    </sheetView>
  </sheetViews>
  <sheetFormatPr defaultColWidth="9" defaultRowHeight="14.4" x14ac:dyDescent="0.2"/>
  <cols>
    <col min="1" max="1" width="3.59765625" style="1" customWidth="1"/>
    <col min="2" max="2" width="14.59765625" style="2" customWidth="1"/>
    <col min="3" max="3" width="31" style="2" customWidth="1"/>
    <col min="4" max="4" width="35" style="2" customWidth="1"/>
    <col min="5" max="5" width="9.8984375" style="1" customWidth="1"/>
    <col min="6" max="6" width="9" style="1" customWidth="1"/>
    <col min="7" max="7" width="6" style="2" customWidth="1"/>
    <col min="8" max="16384" width="9" style="2"/>
  </cols>
  <sheetData>
    <row r="1" spans="1:10" ht="17.25" customHeight="1" x14ac:dyDescent="0.2">
      <c r="A1" s="158" t="s">
        <v>384</v>
      </c>
      <c r="B1" s="158"/>
      <c r="C1" s="158"/>
      <c r="D1" s="158"/>
      <c r="E1" s="158"/>
      <c r="F1" s="158"/>
      <c r="G1" s="158"/>
    </row>
    <row r="2" spans="1:10" ht="17.25" customHeight="1" x14ac:dyDescent="0.2">
      <c r="A2" s="126"/>
      <c r="B2" s="126"/>
      <c r="C2" s="158"/>
      <c r="D2" s="158"/>
      <c r="E2" s="126"/>
      <c r="F2" s="126"/>
      <c r="G2" s="126"/>
    </row>
    <row r="3" spans="1:10" s="6" customFormat="1" ht="16.5" customHeight="1" x14ac:dyDescent="0.2">
      <c r="A3" s="40"/>
      <c r="B3" s="40"/>
      <c r="C3" s="16" t="s">
        <v>24</v>
      </c>
      <c r="D3" s="176"/>
      <c r="E3" s="176"/>
      <c r="F3" s="176"/>
      <c r="G3" s="176"/>
    </row>
    <row r="4" spans="1:10" ht="5.25" customHeight="1" x14ac:dyDescent="0.2">
      <c r="A4" s="5"/>
      <c r="B4" s="5"/>
      <c r="C4" s="5"/>
      <c r="D4" s="5"/>
      <c r="E4" s="5"/>
      <c r="F4" s="5"/>
      <c r="G4" s="5"/>
    </row>
    <row r="5" spans="1:10" ht="15.75" customHeight="1" x14ac:dyDescent="0.2">
      <c r="A5" s="5"/>
      <c r="B5" s="17" t="s">
        <v>350</v>
      </c>
      <c r="C5" s="17"/>
      <c r="D5" s="17"/>
      <c r="E5" s="5"/>
      <c r="F5" s="5"/>
      <c r="G5" s="5"/>
      <c r="H5" s="5"/>
      <c r="I5" s="5"/>
      <c r="J5" s="5"/>
    </row>
    <row r="6" spans="1:10" ht="21" x14ac:dyDescent="0.2">
      <c r="A6" s="5"/>
      <c r="B6" s="156" t="s">
        <v>355</v>
      </c>
      <c r="C6" s="157"/>
      <c r="D6" s="157"/>
      <c r="E6" s="157"/>
      <c r="F6" s="157"/>
      <c r="G6" s="157"/>
    </row>
    <row r="7" spans="1:10" ht="6.75" customHeight="1" x14ac:dyDescent="0.2">
      <c r="A7" s="5"/>
      <c r="B7" s="157"/>
      <c r="C7" s="157"/>
      <c r="D7" s="157"/>
      <c r="E7" s="157"/>
      <c r="F7" s="157"/>
      <c r="G7" s="157"/>
    </row>
    <row r="8" spans="1:10" ht="11.25" customHeight="1" x14ac:dyDescent="0.2">
      <c r="A8" s="5"/>
      <c r="B8" s="174" t="s">
        <v>381</v>
      </c>
      <c r="C8" s="174"/>
      <c r="D8" s="174"/>
      <c r="E8" s="174"/>
      <c r="F8" s="174"/>
      <c r="G8" s="174"/>
    </row>
    <row r="9" spans="1:10" ht="18.75" customHeight="1" x14ac:dyDescent="0.2">
      <c r="A9" s="5"/>
      <c r="B9" s="174"/>
      <c r="C9" s="174"/>
      <c r="D9" s="174"/>
      <c r="E9" s="174"/>
      <c r="F9" s="174"/>
      <c r="G9" s="174"/>
    </row>
    <row r="10" spans="1:10" ht="8.25" customHeight="1" thickBot="1" x14ac:dyDescent="0.25">
      <c r="A10" s="5"/>
      <c r="B10" s="5"/>
      <c r="C10" s="5"/>
      <c r="D10" s="5"/>
      <c r="E10" s="5"/>
      <c r="F10" s="5"/>
      <c r="G10" s="5"/>
    </row>
    <row r="11" spans="1:10" ht="28.8" x14ac:dyDescent="0.2">
      <c r="A11" s="61"/>
      <c r="B11" s="61" t="s">
        <v>25</v>
      </c>
      <c r="C11" s="61" t="s">
        <v>2</v>
      </c>
      <c r="D11" s="122" t="s">
        <v>347</v>
      </c>
      <c r="E11" s="61" t="s">
        <v>199</v>
      </c>
      <c r="F11" s="59" t="s">
        <v>201</v>
      </c>
      <c r="G11" s="68" t="s">
        <v>0</v>
      </c>
    </row>
    <row r="12" spans="1:10" ht="43.2" x14ac:dyDescent="0.2">
      <c r="A12" s="153" t="s">
        <v>503</v>
      </c>
      <c r="B12" s="152" t="s">
        <v>26</v>
      </c>
      <c r="C12" s="152" t="s">
        <v>385</v>
      </c>
      <c r="D12" s="3" t="s">
        <v>240</v>
      </c>
      <c r="E12" s="61" t="s">
        <v>238</v>
      </c>
      <c r="F12" s="59" t="s">
        <v>238</v>
      </c>
      <c r="G12" s="66"/>
    </row>
    <row r="13" spans="1:10" ht="43.2" x14ac:dyDescent="0.2">
      <c r="A13" s="153"/>
      <c r="B13" s="153"/>
      <c r="C13" s="153"/>
      <c r="D13" s="3" t="s">
        <v>242</v>
      </c>
      <c r="E13" s="61" t="s">
        <v>238</v>
      </c>
      <c r="F13" s="59" t="s">
        <v>293</v>
      </c>
      <c r="G13" s="66"/>
    </row>
    <row r="14" spans="1:10" ht="28.8" x14ac:dyDescent="0.2">
      <c r="A14" s="154"/>
      <c r="B14" s="154"/>
      <c r="C14" s="154"/>
      <c r="D14" s="3" t="s">
        <v>166</v>
      </c>
      <c r="E14" s="71" t="s">
        <v>488</v>
      </c>
      <c r="F14" s="59" t="s">
        <v>238</v>
      </c>
      <c r="G14" s="66"/>
    </row>
    <row r="15" spans="1:10" ht="43.2" x14ac:dyDescent="0.2">
      <c r="A15" s="61" t="s">
        <v>3</v>
      </c>
      <c r="B15" s="61" t="s">
        <v>27</v>
      </c>
      <c r="C15" s="61" t="s">
        <v>28</v>
      </c>
      <c r="D15" s="3" t="s">
        <v>240</v>
      </c>
      <c r="E15" s="61" t="s">
        <v>238</v>
      </c>
      <c r="F15" s="59">
        <v>2</v>
      </c>
      <c r="G15" s="66"/>
    </row>
    <row r="16" spans="1:10" ht="43.2" x14ac:dyDescent="0.2">
      <c r="A16" s="61" t="s">
        <v>4</v>
      </c>
      <c r="B16" s="61" t="s">
        <v>32</v>
      </c>
      <c r="C16" s="61" t="s">
        <v>31</v>
      </c>
      <c r="D16" s="3" t="s">
        <v>240</v>
      </c>
      <c r="E16" s="61" t="s">
        <v>238</v>
      </c>
      <c r="F16" s="59">
        <v>7</v>
      </c>
      <c r="G16" s="66"/>
    </row>
    <row r="17" spans="1:7" ht="42.75" customHeight="1" x14ac:dyDescent="0.2">
      <c r="A17" s="152" t="s">
        <v>43</v>
      </c>
      <c r="B17" s="152" t="s">
        <v>413</v>
      </c>
      <c r="C17" s="152" t="s">
        <v>414</v>
      </c>
      <c r="D17" s="3" t="s">
        <v>240</v>
      </c>
      <c r="E17" s="61" t="s">
        <v>238</v>
      </c>
      <c r="F17" s="59" t="s">
        <v>288</v>
      </c>
      <c r="G17" s="66"/>
    </row>
    <row r="18" spans="1:7" ht="72" x14ac:dyDescent="0.2">
      <c r="A18" s="153"/>
      <c r="B18" s="153"/>
      <c r="C18" s="177"/>
      <c r="D18" s="3" t="s">
        <v>244</v>
      </c>
      <c r="E18" s="61" t="s">
        <v>409</v>
      </c>
      <c r="F18" s="59" t="s">
        <v>480</v>
      </c>
      <c r="G18" s="66"/>
    </row>
    <row r="19" spans="1:7" ht="100.8" x14ac:dyDescent="0.2">
      <c r="A19" s="153"/>
      <c r="B19" s="153"/>
      <c r="C19" s="177"/>
      <c r="D19" s="3" t="s">
        <v>302</v>
      </c>
      <c r="E19" s="61" t="s">
        <v>238</v>
      </c>
      <c r="F19" s="59" t="s">
        <v>481</v>
      </c>
      <c r="G19" s="66"/>
    </row>
    <row r="20" spans="1:7" ht="43.2" x14ac:dyDescent="0.2">
      <c r="A20" s="154"/>
      <c r="B20" s="154"/>
      <c r="C20" s="178"/>
      <c r="D20" s="3" t="s">
        <v>250</v>
      </c>
      <c r="E20" s="61" t="s">
        <v>238</v>
      </c>
      <c r="F20" s="62" t="s">
        <v>189</v>
      </c>
      <c r="G20" s="66"/>
    </row>
    <row r="21" spans="1:7" ht="43.2" x14ac:dyDescent="0.2">
      <c r="A21" s="152" t="s">
        <v>44</v>
      </c>
      <c r="B21" s="152" t="s">
        <v>39</v>
      </c>
      <c r="C21" s="152" t="s">
        <v>29</v>
      </c>
      <c r="D21" s="3" t="s">
        <v>240</v>
      </c>
      <c r="E21" s="61" t="s">
        <v>238</v>
      </c>
      <c r="F21" s="59" t="s">
        <v>238</v>
      </c>
      <c r="G21" s="66"/>
    </row>
    <row r="22" spans="1:7" ht="28.8" x14ac:dyDescent="0.2">
      <c r="A22" s="153"/>
      <c r="B22" s="153"/>
      <c r="C22" s="153"/>
      <c r="D22" s="3" t="s">
        <v>251</v>
      </c>
      <c r="E22" s="61" t="s">
        <v>238</v>
      </c>
      <c r="F22" s="59">
        <v>12</v>
      </c>
      <c r="G22" s="66"/>
    </row>
    <row r="23" spans="1:7" ht="72" x14ac:dyDescent="0.2">
      <c r="A23" s="154"/>
      <c r="B23" s="154"/>
      <c r="C23" s="154"/>
      <c r="D23" s="3" t="s">
        <v>356</v>
      </c>
      <c r="E23" s="61" t="s">
        <v>238</v>
      </c>
      <c r="F23" s="59" t="s">
        <v>238</v>
      </c>
      <c r="G23" s="66"/>
    </row>
    <row r="24" spans="1:7" ht="49.5" customHeight="1" x14ac:dyDescent="0.2">
      <c r="A24" s="152" t="s">
        <v>45</v>
      </c>
      <c r="B24" s="152" t="s">
        <v>246</v>
      </c>
      <c r="C24" s="152" t="s">
        <v>167</v>
      </c>
      <c r="D24" s="3" t="s">
        <v>118</v>
      </c>
      <c r="E24" s="61" t="s">
        <v>238</v>
      </c>
      <c r="F24" s="59" t="s">
        <v>238</v>
      </c>
      <c r="G24" s="66"/>
    </row>
    <row r="25" spans="1:7" ht="72" x14ac:dyDescent="0.2">
      <c r="A25" s="153"/>
      <c r="B25" s="153"/>
      <c r="C25" s="153"/>
      <c r="D25" s="3" t="s">
        <v>298</v>
      </c>
      <c r="E25" s="61" t="s">
        <v>238</v>
      </c>
      <c r="F25" s="59" t="s">
        <v>192</v>
      </c>
      <c r="G25" s="66"/>
    </row>
    <row r="26" spans="1:7" ht="28.8" x14ac:dyDescent="0.2">
      <c r="A26" s="153"/>
      <c r="B26" s="153"/>
      <c r="C26" s="153"/>
      <c r="D26" s="31" t="s">
        <v>251</v>
      </c>
      <c r="E26" s="61" t="s">
        <v>238</v>
      </c>
      <c r="F26" s="59" t="s">
        <v>238</v>
      </c>
      <c r="G26" s="66"/>
    </row>
    <row r="27" spans="1:7" ht="72" x14ac:dyDescent="0.2">
      <c r="A27" s="154"/>
      <c r="B27" s="154"/>
      <c r="C27" s="154"/>
      <c r="D27" s="31" t="s">
        <v>356</v>
      </c>
      <c r="E27" s="61" t="s">
        <v>238</v>
      </c>
      <c r="F27" s="59" t="s">
        <v>238</v>
      </c>
      <c r="G27" s="66"/>
    </row>
    <row r="28" spans="1:7" ht="43.2" x14ac:dyDescent="0.2">
      <c r="A28" s="61" t="s">
        <v>441</v>
      </c>
      <c r="B28" s="61" t="s">
        <v>9</v>
      </c>
      <c r="C28" s="61" t="s">
        <v>16</v>
      </c>
      <c r="D28" s="31" t="s">
        <v>357</v>
      </c>
      <c r="E28" s="61" t="s">
        <v>488</v>
      </c>
      <c r="F28" s="59">
        <v>13</v>
      </c>
      <c r="G28" s="66"/>
    </row>
    <row r="29" spans="1:7" ht="43.2" x14ac:dyDescent="0.2">
      <c r="A29" s="152" t="s">
        <v>442</v>
      </c>
      <c r="B29" s="152" t="s">
        <v>9</v>
      </c>
      <c r="C29" s="152" t="s">
        <v>17</v>
      </c>
      <c r="D29" s="31" t="s">
        <v>357</v>
      </c>
      <c r="E29" s="152" t="s">
        <v>488</v>
      </c>
      <c r="F29" s="160">
        <v>13</v>
      </c>
      <c r="G29" s="66"/>
    </row>
    <row r="30" spans="1:7" ht="57.6" x14ac:dyDescent="0.2">
      <c r="A30" s="154"/>
      <c r="B30" s="154"/>
      <c r="C30" s="154"/>
      <c r="D30" s="31" t="s">
        <v>299</v>
      </c>
      <c r="E30" s="154"/>
      <c r="F30" s="161"/>
      <c r="G30" s="66"/>
    </row>
    <row r="31" spans="1:7" ht="43.2" x14ac:dyDescent="0.2">
      <c r="A31" s="152" t="s">
        <v>5</v>
      </c>
      <c r="B31" s="152" t="s">
        <v>55</v>
      </c>
      <c r="C31" s="152" t="s">
        <v>474</v>
      </c>
      <c r="D31" s="31" t="s">
        <v>253</v>
      </c>
      <c r="E31" s="152" t="s">
        <v>237</v>
      </c>
      <c r="F31" s="160" t="s">
        <v>476</v>
      </c>
      <c r="G31" s="66"/>
    </row>
    <row r="32" spans="1:7" ht="57.6" x14ac:dyDescent="0.2">
      <c r="A32" s="154"/>
      <c r="B32" s="154"/>
      <c r="C32" s="154"/>
      <c r="D32" s="31" t="s">
        <v>168</v>
      </c>
      <c r="E32" s="154"/>
      <c r="F32" s="161"/>
      <c r="G32" s="66"/>
    </row>
    <row r="33" spans="1:7" ht="100.8" x14ac:dyDescent="0.2">
      <c r="A33" s="61" t="s">
        <v>15</v>
      </c>
      <c r="B33" s="61" t="s">
        <v>122</v>
      </c>
      <c r="C33" s="61" t="s">
        <v>475</v>
      </c>
      <c r="D33" s="31" t="s">
        <v>254</v>
      </c>
      <c r="E33" s="61" t="s">
        <v>238</v>
      </c>
      <c r="F33" s="59" t="s">
        <v>238</v>
      </c>
      <c r="G33" s="66"/>
    </row>
    <row r="34" spans="1:7" ht="28.8" x14ac:dyDescent="0.2">
      <c r="A34" s="152" t="s">
        <v>21</v>
      </c>
      <c r="B34" s="152" t="s">
        <v>9</v>
      </c>
      <c r="C34" s="152" t="s">
        <v>33</v>
      </c>
      <c r="D34" s="31" t="s">
        <v>177</v>
      </c>
      <c r="E34" s="61" t="s">
        <v>238</v>
      </c>
      <c r="F34" s="160">
        <v>7</v>
      </c>
      <c r="G34" s="66"/>
    </row>
    <row r="35" spans="1:7" ht="43.2" x14ac:dyDescent="0.2">
      <c r="A35" s="153"/>
      <c r="B35" s="153"/>
      <c r="C35" s="153"/>
      <c r="D35" s="2" t="s">
        <v>178</v>
      </c>
      <c r="E35" s="61" t="s">
        <v>238</v>
      </c>
      <c r="F35" s="175"/>
      <c r="G35" s="66"/>
    </row>
    <row r="36" spans="1:7" ht="57.6" x14ac:dyDescent="0.2">
      <c r="A36" s="154"/>
      <c r="B36" s="154"/>
      <c r="C36" s="154"/>
      <c r="D36" s="31" t="s">
        <v>169</v>
      </c>
      <c r="E36" s="61" t="s">
        <v>238</v>
      </c>
      <c r="F36" s="175"/>
      <c r="G36" s="66"/>
    </row>
    <row r="37" spans="1:7" ht="96.75" customHeight="1" x14ac:dyDescent="0.2">
      <c r="A37" s="61" t="s">
        <v>22</v>
      </c>
      <c r="B37" s="61" t="s">
        <v>9</v>
      </c>
      <c r="C37" s="61" t="s">
        <v>34</v>
      </c>
      <c r="D37" s="31" t="s">
        <v>358</v>
      </c>
      <c r="E37" s="61" t="s">
        <v>238</v>
      </c>
      <c r="F37" s="161"/>
      <c r="G37" s="66"/>
    </row>
    <row r="38" spans="1:7" ht="43.2" x14ac:dyDescent="0.2">
      <c r="A38" s="152" t="s">
        <v>23</v>
      </c>
      <c r="B38" s="152" t="s">
        <v>30</v>
      </c>
      <c r="C38" s="152" t="s">
        <v>35</v>
      </c>
      <c r="D38" s="2" t="s">
        <v>255</v>
      </c>
      <c r="E38" s="61" t="s">
        <v>238</v>
      </c>
      <c r="F38" s="59" t="s">
        <v>238</v>
      </c>
      <c r="G38" s="66"/>
    </row>
    <row r="39" spans="1:7" ht="68.25" customHeight="1" x14ac:dyDescent="0.2">
      <c r="A39" s="153"/>
      <c r="B39" s="153"/>
      <c r="C39" s="153"/>
      <c r="D39" s="31" t="s">
        <v>359</v>
      </c>
      <c r="E39" s="61" t="s">
        <v>238</v>
      </c>
      <c r="F39" s="160">
        <v>11</v>
      </c>
      <c r="G39" s="66"/>
    </row>
    <row r="40" spans="1:7" ht="43.2" x14ac:dyDescent="0.2">
      <c r="A40" s="154"/>
      <c r="B40" s="154"/>
      <c r="C40" s="154"/>
      <c r="D40" s="31" t="s">
        <v>256</v>
      </c>
      <c r="E40" s="61" t="s">
        <v>238</v>
      </c>
      <c r="F40" s="161"/>
      <c r="G40" s="66"/>
    </row>
    <row r="41" spans="1:7" ht="43.2" x14ac:dyDescent="0.2">
      <c r="A41" s="152" t="s">
        <v>47</v>
      </c>
      <c r="B41" s="152" t="s">
        <v>247</v>
      </c>
      <c r="C41" s="152" t="s">
        <v>468</v>
      </c>
      <c r="D41" s="125" t="s">
        <v>255</v>
      </c>
      <c r="E41" s="124" t="s">
        <v>238</v>
      </c>
      <c r="F41" s="123" t="s">
        <v>238</v>
      </c>
      <c r="G41" s="66"/>
    </row>
    <row r="42" spans="1:7" ht="78.75" customHeight="1" x14ac:dyDescent="0.2">
      <c r="A42" s="153"/>
      <c r="B42" s="153"/>
      <c r="C42" s="153"/>
      <c r="D42" s="31" t="s">
        <v>439</v>
      </c>
      <c r="E42" s="124" t="s">
        <v>238</v>
      </c>
      <c r="F42" s="123" t="s">
        <v>415</v>
      </c>
      <c r="G42" s="66"/>
    </row>
    <row r="43" spans="1:7" ht="28.8" x14ac:dyDescent="0.2">
      <c r="A43" s="153"/>
      <c r="B43" s="153"/>
      <c r="C43" s="154"/>
      <c r="D43" s="31" t="s">
        <v>171</v>
      </c>
      <c r="E43" s="124" t="s">
        <v>238</v>
      </c>
      <c r="F43" s="123" t="s">
        <v>238</v>
      </c>
      <c r="G43" s="66"/>
    </row>
    <row r="44" spans="1:7" ht="48.75" customHeight="1" x14ac:dyDescent="0.2">
      <c r="A44" s="153"/>
      <c r="B44" s="153"/>
      <c r="C44" s="152" t="s">
        <v>267</v>
      </c>
      <c r="D44" s="31" t="s">
        <v>249</v>
      </c>
      <c r="E44" s="124" t="s">
        <v>238</v>
      </c>
      <c r="F44" s="160" t="s">
        <v>189</v>
      </c>
      <c r="G44" s="66"/>
    </row>
    <row r="45" spans="1:7" ht="43.2" x14ac:dyDescent="0.2">
      <c r="A45" s="153"/>
      <c r="B45" s="153"/>
      <c r="C45" s="153"/>
      <c r="D45" s="31" t="s">
        <v>170</v>
      </c>
      <c r="E45" s="124" t="s">
        <v>238</v>
      </c>
      <c r="F45" s="175"/>
      <c r="G45" s="66"/>
    </row>
    <row r="46" spans="1:7" ht="57.6" x14ac:dyDescent="0.2">
      <c r="A46" s="154"/>
      <c r="B46" s="154"/>
      <c r="C46" s="154"/>
      <c r="D46" s="31" t="s">
        <v>202</v>
      </c>
      <c r="E46" s="124" t="s">
        <v>238</v>
      </c>
      <c r="F46" s="161"/>
      <c r="G46" s="66"/>
    </row>
    <row r="47" spans="1:7" ht="43.2" x14ac:dyDescent="0.2">
      <c r="A47" s="152" t="s">
        <v>443</v>
      </c>
      <c r="B47" s="152" t="s">
        <v>9</v>
      </c>
      <c r="C47" s="152" t="s">
        <v>248</v>
      </c>
      <c r="D47" s="31" t="s">
        <v>269</v>
      </c>
      <c r="E47" s="61" t="s">
        <v>238</v>
      </c>
      <c r="F47" s="160" t="s">
        <v>189</v>
      </c>
      <c r="G47" s="66"/>
    </row>
    <row r="48" spans="1:7" ht="43.2" x14ac:dyDescent="0.2">
      <c r="A48" s="153"/>
      <c r="B48" s="153"/>
      <c r="C48" s="153"/>
      <c r="D48" s="31" t="s">
        <v>257</v>
      </c>
      <c r="E48" s="61" t="s">
        <v>238</v>
      </c>
      <c r="F48" s="175"/>
      <c r="G48" s="66"/>
    </row>
    <row r="49" spans="1:7" ht="28.8" x14ac:dyDescent="0.2">
      <c r="A49" s="154"/>
      <c r="B49" s="154"/>
      <c r="C49" s="154"/>
      <c r="D49" s="31" t="s">
        <v>139</v>
      </c>
      <c r="E49" s="61" t="s">
        <v>238</v>
      </c>
      <c r="F49" s="161"/>
      <c r="G49" s="66"/>
    </row>
    <row r="50" spans="1:7" ht="28.8" x14ac:dyDescent="0.2">
      <c r="A50" s="61" t="s">
        <v>444</v>
      </c>
      <c r="B50" s="61" t="s">
        <v>9</v>
      </c>
      <c r="C50" s="61" t="s">
        <v>300</v>
      </c>
      <c r="D50" s="31" t="s">
        <v>179</v>
      </c>
      <c r="E50" s="61" t="s">
        <v>238</v>
      </c>
      <c r="F50" s="59" t="s">
        <v>189</v>
      </c>
      <c r="G50" s="66"/>
    </row>
    <row r="51" spans="1:7" ht="57.6" x14ac:dyDescent="0.2">
      <c r="A51" s="61" t="s">
        <v>445</v>
      </c>
      <c r="B51" s="61" t="s">
        <v>9</v>
      </c>
      <c r="C51" s="61" t="s">
        <v>36</v>
      </c>
      <c r="D51" s="31" t="s">
        <v>301</v>
      </c>
      <c r="E51" s="61" t="s">
        <v>238</v>
      </c>
      <c r="F51" s="109" t="s">
        <v>416</v>
      </c>
      <c r="G51" s="66"/>
    </row>
    <row r="52" spans="1:7" ht="28.8" x14ac:dyDescent="0.2">
      <c r="A52" s="61" t="s">
        <v>446</v>
      </c>
      <c r="B52" s="61" t="s">
        <v>9</v>
      </c>
      <c r="C52" s="61" t="s">
        <v>37</v>
      </c>
      <c r="D52" s="31" t="s">
        <v>179</v>
      </c>
      <c r="E52" s="61" t="s">
        <v>238</v>
      </c>
      <c r="F52" s="59" t="s">
        <v>238</v>
      </c>
      <c r="G52" s="66"/>
    </row>
    <row r="53" spans="1:7" ht="28.8" x14ac:dyDescent="0.2">
      <c r="A53" s="42" t="s">
        <v>48</v>
      </c>
      <c r="B53" s="42" t="s">
        <v>9</v>
      </c>
      <c r="C53" s="42" t="s">
        <v>258</v>
      </c>
      <c r="D53" s="31" t="s">
        <v>203</v>
      </c>
      <c r="E53" s="61" t="s">
        <v>238</v>
      </c>
      <c r="F53" s="59" t="s">
        <v>238</v>
      </c>
      <c r="G53" s="66"/>
    </row>
    <row r="54" spans="1:7" ht="57.6" x14ac:dyDescent="0.2">
      <c r="A54" s="152" t="s">
        <v>49</v>
      </c>
      <c r="B54" s="179" t="s">
        <v>280</v>
      </c>
      <c r="C54" s="152" t="s">
        <v>172</v>
      </c>
      <c r="D54" s="31" t="s">
        <v>440</v>
      </c>
      <c r="E54" s="61" t="s">
        <v>238</v>
      </c>
      <c r="F54" s="160" t="s">
        <v>417</v>
      </c>
      <c r="G54" s="66"/>
    </row>
    <row r="55" spans="1:7" ht="142.5" customHeight="1" x14ac:dyDescent="0.2">
      <c r="A55" s="154"/>
      <c r="B55" s="180"/>
      <c r="C55" s="154"/>
      <c r="D55" s="31" t="s">
        <v>233</v>
      </c>
      <c r="E55" s="61" t="s">
        <v>238</v>
      </c>
      <c r="F55" s="161"/>
      <c r="G55" s="66"/>
    </row>
    <row r="56" spans="1:7" ht="28.8" x14ac:dyDescent="0.2">
      <c r="A56" s="152" t="s">
        <v>447</v>
      </c>
      <c r="B56" s="152" t="s">
        <v>405</v>
      </c>
      <c r="C56" s="152" t="s">
        <v>259</v>
      </c>
      <c r="D56" s="31" t="s">
        <v>406</v>
      </c>
      <c r="E56" s="152" t="s">
        <v>407</v>
      </c>
      <c r="F56" s="160" t="s">
        <v>408</v>
      </c>
      <c r="G56" s="66"/>
    </row>
    <row r="57" spans="1:7" ht="28.8" x14ac:dyDescent="0.2">
      <c r="A57" s="154"/>
      <c r="B57" s="154"/>
      <c r="C57" s="154"/>
      <c r="D57" s="31" t="s">
        <v>180</v>
      </c>
      <c r="E57" s="154"/>
      <c r="F57" s="161"/>
      <c r="G57" s="66"/>
    </row>
    <row r="58" spans="1:7" ht="43.2" x14ac:dyDescent="0.2">
      <c r="A58" s="61" t="s">
        <v>448</v>
      </c>
      <c r="B58" s="61" t="s">
        <v>40</v>
      </c>
      <c r="C58" s="61" t="s">
        <v>472</v>
      </c>
      <c r="D58" s="3" t="s">
        <v>240</v>
      </c>
      <c r="E58" s="61" t="s">
        <v>490</v>
      </c>
      <c r="F58" s="59" t="s">
        <v>238</v>
      </c>
      <c r="G58" s="66"/>
    </row>
    <row r="59" spans="1:7" ht="43.2" x14ac:dyDescent="0.2">
      <c r="A59" s="152" t="s">
        <v>449</v>
      </c>
      <c r="B59" s="152" t="s">
        <v>41</v>
      </c>
      <c r="C59" s="152" t="s">
        <v>473</v>
      </c>
      <c r="D59" s="3" t="s">
        <v>240</v>
      </c>
      <c r="E59" s="61" t="s">
        <v>403</v>
      </c>
      <c r="F59" s="59" t="s">
        <v>238</v>
      </c>
      <c r="G59" s="66"/>
    </row>
    <row r="60" spans="1:7" ht="33.75" customHeight="1" x14ac:dyDescent="0.2">
      <c r="A60" s="154"/>
      <c r="B60" s="154"/>
      <c r="C60" s="154"/>
      <c r="D60" s="31" t="s">
        <v>243</v>
      </c>
      <c r="E60" s="61" t="s">
        <v>238</v>
      </c>
      <c r="F60" s="59" t="s">
        <v>238</v>
      </c>
      <c r="G60" s="66"/>
    </row>
    <row r="61" spans="1:7" ht="15" thickBot="1" x14ac:dyDescent="0.25"/>
    <row r="62" spans="1:7" x14ac:dyDescent="0.2">
      <c r="A62" s="162" t="s">
        <v>56</v>
      </c>
      <c r="B62" s="44"/>
      <c r="C62" s="45"/>
      <c r="D62" s="45"/>
      <c r="E62" s="45"/>
      <c r="F62" s="45"/>
      <c r="G62" s="46"/>
    </row>
    <row r="63" spans="1:7" x14ac:dyDescent="0.2">
      <c r="A63" s="163"/>
      <c r="B63" s="47"/>
      <c r="C63" s="48"/>
      <c r="D63" s="48"/>
      <c r="E63" s="48"/>
      <c r="F63" s="48"/>
      <c r="G63" s="49"/>
    </row>
    <row r="64" spans="1:7" x14ac:dyDescent="0.2">
      <c r="A64" s="163"/>
      <c r="B64" s="47"/>
      <c r="C64" s="48"/>
      <c r="D64" s="48"/>
      <c r="E64" s="48"/>
      <c r="F64" s="48"/>
      <c r="G64" s="49"/>
    </row>
    <row r="65" spans="1:7" x14ac:dyDescent="0.2">
      <c r="A65" s="163"/>
      <c r="B65" s="47"/>
      <c r="C65" s="48"/>
      <c r="D65" s="48"/>
      <c r="E65" s="48"/>
      <c r="F65" s="48"/>
      <c r="G65" s="49"/>
    </row>
    <row r="66" spans="1:7" ht="15" thickBot="1" x14ac:dyDescent="0.25">
      <c r="A66" s="164"/>
      <c r="B66" s="50"/>
      <c r="C66" s="51"/>
      <c r="D66" s="51"/>
      <c r="E66" s="51"/>
      <c r="F66" s="51"/>
      <c r="G66" s="52"/>
    </row>
    <row r="68" spans="1:7" ht="32.25" customHeight="1" thickBot="1" x14ac:dyDescent="0.25">
      <c r="D68" s="12" t="s">
        <v>57</v>
      </c>
      <c r="E68" s="39"/>
      <c r="F68" s="39"/>
    </row>
    <row r="69" spans="1:7" ht="15" thickTop="1" x14ac:dyDescent="0.2"/>
  </sheetData>
  <mergeCells count="57">
    <mergeCell ref="E56:E57"/>
    <mergeCell ref="F56:F57"/>
    <mergeCell ref="A47:A49"/>
    <mergeCell ref="C54:C55"/>
    <mergeCell ref="B54:B55"/>
    <mergeCell ref="A54:A55"/>
    <mergeCell ref="A56:A57"/>
    <mergeCell ref="B56:B57"/>
    <mergeCell ref="C56:C57"/>
    <mergeCell ref="F44:F46"/>
    <mergeCell ref="F47:F49"/>
    <mergeCell ref="C31:C32"/>
    <mergeCell ref="B31:B32"/>
    <mergeCell ref="F54:F55"/>
    <mergeCell ref="C47:C49"/>
    <mergeCell ref="A1:G1"/>
    <mergeCell ref="D3:G3"/>
    <mergeCell ref="B6:G7"/>
    <mergeCell ref="B8:G9"/>
    <mergeCell ref="C17:C20"/>
    <mergeCell ref="B17:B20"/>
    <mergeCell ref="A17:A20"/>
    <mergeCell ref="C2:D2"/>
    <mergeCell ref="B12:B14"/>
    <mergeCell ref="C12:C14"/>
    <mergeCell ref="A62:A66"/>
    <mergeCell ref="A12:A14"/>
    <mergeCell ref="B21:B23"/>
    <mergeCell ref="A21:A23"/>
    <mergeCell ref="C21:C23"/>
    <mergeCell ref="C24:C27"/>
    <mergeCell ref="B24:B27"/>
    <mergeCell ref="A24:A27"/>
    <mergeCell ref="C29:C30"/>
    <mergeCell ref="B29:B30"/>
    <mergeCell ref="A29:A30"/>
    <mergeCell ref="C59:C60"/>
    <mergeCell ref="B59:B60"/>
    <mergeCell ref="C41:C43"/>
    <mergeCell ref="B38:B40"/>
    <mergeCell ref="A38:A40"/>
    <mergeCell ref="A59:A60"/>
    <mergeCell ref="E29:E30"/>
    <mergeCell ref="F29:F30"/>
    <mergeCell ref="F31:F32"/>
    <mergeCell ref="E31:E32"/>
    <mergeCell ref="F39:F40"/>
    <mergeCell ref="F34:F37"/>
    <mergeCell ref="B34:B36"/>
    <mergeCell ref="A34:A36"/>
    <mergeCell ref="C44:C46"/>
    <mergeCell ref="B41:B46"/>
    <mergeCell ref="A41:A46"/>
    <mergeCell ref="C34:C36"/>
    <mergeCell ref="C38:C40"/>
    <mergeCell ref="A31:A32"/>
    <mergeCell ref="B47:B49"/>
  </mergeCells>
  <phoneticPr fontId="1"/>
  <printOptions horizontalCentered="1" verticalCentered="1"/>
  <pageMargins left="0.31496062992125984" right="0.31496062992125984" top="0.35433070866141736" bottom="0.35433070866141736" header="0.31496062992125984" footer="0.31496062992125984"/>
  <pageSetup paperSize="9" scale="74" firstPageNumber="25" orientation="portrait" useFirstPageNumber="1" horizontalDpi="4294967294" r:id="rId1"/>
  <headerFooter>
    <oddFooter>&amp;C&amp;P</oddFooter>
  </headerFooter>
  <rowBreaks count="2" manualBreakCount="2">
    <brk id="28" max="6" man="1"/>
    <brk id="46" max="6" man="1"/>
  </row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L34"/>
  <sheetViews>
    <sheetView view="pageBreakPreview" topLeftCell="A16" zoomScaleNormal="100" zoomScaleSheetLayoutView="100" workbookViewId="0">
      <selection activeCell="G21" sqref="G21"/>
    </sheetView>
  </sheetViews>
  <sheetFormatPr defaultColWidth="9" defaultRowHeight="14.4" x14ac:dyDescent="0.2"/>
  <cols>
    <col min="1" max="1" width="3.59765625" style="1" customWidth="1"/>
    <col min="2" max="2" width="13" style="2" customWidth="1"/>
    <col min="3" max="3" width="15.59765625" style="2" customWidth="1"/>
    <col min="4" max="4" width="13.09765625" style="2" customWidth="1"/>
    <col min="5" max="5" width="1.8984375" style="2" hidden="1" customWidth="1"/>
    <col min="6" max="6" width="11" style="2" hidden="1" customWidth="1"/>
    <col min="7" max="7" width="33.3984375" style="2" customWidth="1"/>
    <col min="8" max="8" width="9.3984375" style="1" customWidth="1"/>
    <col min="9" max="9" width="9.59765625" style="2" customWidth="1"/>
    <col min="10" max="10" width="6.8984375" style="2" customWidth="1"/>
    <col min="11" max="16384" width="9" style="2"/>
  </cols>
  <sheetData>
    <row r="1" spans="1:10" ht="21.75" customHeight="1" x14ac:dyDescent="0.2">
      <c r="A1" s="158" t="s">
        <v>386</v>
      </c>
      <c r="B1" s="158"/>
      <c r="C1" s="158"/>
      <c r="D1" s="158"/>
      <c r="E1" s="158"/>
      <c r="F1" s="158"/>
      <c r="G1" s="158"/>
      <c r="H1" s="158"/>
      <c r="I1" s="158"/>
      <c r="J1" s="158"/>
    </row>
    <row r="2" spans="1:10" ht="21.75" customHeight="1" x14ac:dyDescent="0.2">
      <c r="A2" s="144"/>
      <c r="B2" s="144"/>
      <c r="C2" s="144"/>
      <c r="D2" s="144"/>
      <c r="E2" s="144"/>
      <c r="F2" s="144"/>
      <c r="G2" s="144"/>
      <c r="H2" s="144"/>
      <c r="I2" s="144"/>
      <c r="J2" s="144"/>
    </row>
    <row r="3" spans="1:10" ht="13.5" customHeight="1" x14ac:dyDescent="0.2">
      <c r="A3" s="5"/>
      <c r="B3" s="5"/>
      <c r="C3" s="5"/>
      <c r="D3" s="5"/>
      <c r="E3" s="5"/>
      <c r="F3" s="5"/>
      <c r="G3" s="5"/>
      <c r="H3" s="5"/>
      <c r="I3" s="5"/>
      <c r="J3" s="5"/>
    </row>
    <row r="4" spans="1:10" s="6" customFormat="1" ht="16.2" x14ac:dyDescent="0.2">
      <c r="A4" s="40"/>
      <c r="B4" s="15" t="s">
        <v>117</v>
      </c>
      <c r="C4" s="11"/>
      <c r="D4" s="16" t="s">
        <v>145</v>
      </c>
      <c r="E4" s="11"/>
      <c r="F4" s="16" t="s">
        <v>24</v>
      </c>
      <c r="G4" s="21"/>
      <c r="H4" s="72" t="s">
        <v>289</v>
      </c>
      <c r="I4" s="184"/>
      <c r="J4" s="184"/>
    </row>
    <row r="5" spans="1:10" ht="15.75" customHeight="1" x14ac:dyDescent="0.2">
      <c r="A5" s="5"/>
      <c r="B5" s="5"/>
      <c r="C5" s="5"/>
      <c r="D5" s="5"/>
      <c r="E5" s="5"/>
      <c r="F5" s="5"/>
      <c r="G5" s="5"/>
      <c r="H5" s="5"/>
      <c r="I5" s="5"/>
      <c r="J5" s="5"/>
    </row>
    <row r="6" spans="1:10" ht="15.75" customHeight="1" x14ac:dyDescent="0.2">
      <c r="A6" s="5"/>
      <c r="B6" s="17" t="s">
        <v>350</v>
      </c>
      <c r="C6" s="5"/>
      <c r="D6" s="5"/>
      <c r="E6" s="5"/>
      <c r="F6" s="5"/>
      <c r="G6" s="5"/>
      <c r="H6" s="5"/>
      <c r="I6" s="5"/>
      <c r="J6" s="5"/>
    </row>
    <row r="7" spans="1:10" ht="6.75" customHeight="1" x14ac:dyDescent="0.2">
      <c r="A7" s="5"/>
      <c r="B7" s="17"/>
      <c r="C7" s="5"/>
      <c r="D7" s="5"/>
      <c r="E7" s="5"/>
      <c r="F7" s="5"/>
      <c r="G7" s="5"/>
      <c r="H7" s="5"/>
      <c r="I7" s="5"/>
      <c r="J7" s="5"/>
    </row>
    <row r="8" spans="1:10" ht="21" x14ac:dyDescent="0.2">
      <c r="A8" s="5"/>
      <c r="B8" s="156" t="s">
        <v>355</v>
      </c>
      <c r="C8" s="156"/>
      <c r="D8" s="156"/>
      <c r="E8" s="156"/>
      <c r="F8" s="157"/>
      <c r="G8" s="157"/>
      <c r="H8" s="157"/>
      <c r="I8" s="157"/>
      <c r="J8" s="157"/>
    </row>
    <row r="9" spans="1:10" ht="9.75" customHeight="1" x14ac:dyDescent="0.2">
      <c r="A9" s="5"/>
      <c r="B9" s="157"/>
      <c r="C9" s="157"/>
      <c r="D9" s="157"/>
      <c r="E9" s="157"/>
      <c r="F9" s="157"/>
      <c r="G9" s="157"/>
      <c r="H9" s="157"/>
      <c r="I9" s="157"/>
      <c r="J9" s="157"/>
    </row>
    <row r="10" spans="1:10" ht="21" x14ac:dyDescent="0.2">
      <c r="A10" s="5"/>
      <c r="B10" s="174" t="s">
        <v>387</v>
      </c>
      <c r="C10" s="174"/>
      <c r="D10" s="174"/>
      <c r="E10" s="174"/>
      <c r="F10" s="174"/>
      <c r="G10" s="174"/>
      <c r="H10" s="174"/>
      <c r="I10" s="174"/>
      <c r="J10" s="174"/>
    </row>
    <row r="11" spans="1:10" ht="24" customHeight="1" x14ac:dyDescent="0.2">
      <c r="A11" s="5"/>
      <c r="B11" s="174"/>
      <c r="C11" s="174"/>
      <c r="D11" s="174"/>
      <c r="E11" s="174"/>
      <c r="F11" s="174"/>
      <c r="G11" s="174"/>
      <c r="H11" s="174"/>
      <c r="I11" s="174"/>
      <c r="J11" s="174"/>
    </row>
    <row r="12" spans="1:10" ht="8.25" customHeight="1" x14ac:dyDescent="0.2">
      <c r="A12" s="5"/>
      <c r="B12" s="5"/>
      <c r="C12" s="5"/>
      <c r="D12" s="5"/>
      <c r="E12" s="5"/>
      <c r="F12" s="5"/>
      <c r="G12" s="5"/>
      <c r="H12" s="5"/>
      <c r="I12" s="5"/>
      <c r="J12" s="5"/>
    </row>
    <row r="13" spans="1:10" ht="36" customHeight="1" x14ac:dyDescent="0.2">
      <c r="A13" s="61"/>
      <c r="B13" s="61" t="s">
        <v>25</v>
      </c>
      <c r="C13" s="181" t="s">
        <v>2</v>
      </c>
      <c r="D13" s="182"/>
      <c r="E13" s="182"/>
      <c r="F13" s="183"/>
      <c r="G13" s="122" t="s">
        <v>347</v>
      </c>
      <c r="H13" s="61" t="s">
        <v>199</v>
      </c>
      <c r="I13" s="61" t="s">
        <v>200</v>
      </c>
      <c r="J13" s="14" t="s">
        <v>0</v>
      </c>
    </row>
    <row r="14" spans="1:10" ht="44.25" customHeight="1" x14ac:dyDescent="0.2">
      <c r="A14" s="153" t="s">
        <v>503</v>
      </c>
      <c r="B14" s="152" t="s">
        <v>41</v>
      </c>
      <c r="C14" s="160" t="s">
        <v>388</v>
      </c>
      <c r="D14" s="185"/>
      <c r="E14" s="4"/>
      <c r="F14" s="148"/>
      <c r="G14" s="3" t="s">
        <v>118</v>
      </c>
      <c r="H14" s="152" t="s">
        <v>403</v>
      </c>
      <c r="I14" s="110" t="s">
        <v>327</v>
      </c>
      <c r="J14" s="3"/>
    </row>
    <row r="15" spans="1:10" ht="61.5" customHeight="1" x14ac:dyDescent="0.2">
      <c r="A15" s="154"/>
      <c r="B15" s="154"/>
      <c r="C15" s="161"/>
      <c r="D15" s="187"/>
      <c r="E15" s="149"/>
      <c r="F15" s="150"/>
      <c r="G15" s="3" t="s">
        <v>164</v>
      </c>
      <c r="H15" s="154"/>
      <c r="I15" s="110" t="s">
        <v>327</v>
      </c>
      <c r="J15" s="3"/>
    </row>
    <row r="16" spans="1:10" ht="48" customHeight="1" x14ac:dyDescent="0.2">
      <c r="A16" s="152" t="s">
        <v>3</v>
      </c>
      <c r="B16" s="152" t="s">
        <v>469</v>
      </c>
      <c r="C16" s="160" t="s">
        <v>42</v>
      </c>
      <c r="D16" s="185"/>
      <c r="E16" s="185"/>
      <c r="F16" s="186"/>
      <c r="G16" s="3" t="s">
        <v>240</v>
      </c>
      <c r="H16" s="110" t="s">
        <v>327</v>
      </c>
      <c r="I16" s="110" t="s">
        <v>327</v>
      </c>
      <c r="J16" s="3"/>
    </row>
    <row r="17" spans="1:12" ht="85.5" customHeight="1" x14ac:dyDescent="0.2">
      <c r="A17" s="153"/>
      <c r="B17" s="153"/>
      <c r="C17" s="175"/>
      <c r="D17" s="169"/>
      <c r="E17" s="169"/>
      <c r="F17" s="189"/>
      <c r="G17" s="3" t="s">
        <v>333</v>
      </c>
      <c r="H17" s="110" t="s">
        <v>327</v>
      </c>
      <c r="I17" s="111" t="s">
        <v>483</v>
      </c>
      <c r="J17" s="3"/>
    </row>
    <row r="18" spans="1:12" ht="28.5" customHeight="1" x14ac:dyDescent="0.2">
      <c r="A18" s="153"/>
      <c r="B18" s="153"/>
      <c r="C18" s="175"/>
      <c r="D18" s="169"/>
      <c r="E18" s="169"/>
      <c r="F18" s="189"/>
      <c r="G18" s="3" t="s">
        <v>181</v>
      </c>
      <c r="H18" s="110" t="s">
        <v>327</v>
      </c>
      <c r="I18" s="110" t="s">
        <v>191</v>
      </c>
      <c r="J18" s="3"/>
    </row>
    <row r="19" spans="1:12" ht="62.25" customHeight="1" x14ac:dyDescent="0.2">
      <c r="A19" s="153"/>
      <c r="B19" s="153"/>
      <c r="C19" s="175"/>
      <c r="D19" s="169"/>
      <c r="E19" s="169"/>
      <c r="F19" s="189"/>
      <c r="G19" s="3" t="s">
        <v>283</v>
      </c>
      <c r="H19" s="110" t="s">
        <v>327</v>
      </c>
      <c r="I19" s="110" t="s">
        <v>327</v>
      </c>
      <c r="J19" s="3"/>
      <c r="L19" s="4"/>
    </row>
    <row r="20" spans="1:12" ht="42.75" customHeight="1" x14ac:dyDescent="0.2">
      <c r="A20" s="153"/>
      <c r="B20" s="153"/>
      <c r="C20" s="175"/>
      <c r="D20" s="169"/>
      <c r="E20" s="169"/>
      <c r="F20" s="189"/>
      <c r="G20" s="3" t="s">
        <v>507</v>
      </c>
      <c r="H20" s="110" t="s">
        <v>327</v>
      </c>
      <c r="I20" s="110" t="s">
        <v>191</v>
      </c>
      <c r="J20" s="3"/>
    </row>
    <row r="21" spans="1:12" ht="28.5" customHeight="1" x14ac:dyDescent="0.2">
      <c r="A21" s="153"/>
      <c r="B21" s="153"/>
      <c r="C21" s="161"/>
      <c r="D21" s="187"/>
      <c r="E21" s="187"/>
      <c r="F21" s="188"/>
      <c r="G21" s="3" t="s">
        <v>119</v>
      </c>
      <c r="H21" s="110" t="s">
        <v>327</v>
      </c>
      <c r="I21" s="110" t="s">
        <v>327</v>
      </c>
      <c r="J21" s="3"/>
    </row>
    <row r="22" spans="1:12" ht="43.5" customHeight="1" x14ac:dyDescent="0.2">
      <c r="A22" s="153"/>
      <c r="B22" s="153"/>
      <c r="C22" s="160" t="s">
        <v>291</v>
      </c>
      <c r="D22" s="185"/>
      <c r="E22" s="185"/>
      <c r="F22" s="186"/>
      <c r="G22" s="28" t="s">
        <v>121</v>
      </c>
      <c r="H22" s="110" t="s">
        <v>327</v>
      </c>
      <c r="I22" s="110" t="s">
        <v>189</v>
      </c>
      <c r="J22" s="3"/>
    </row>
    <row r="23" spans="1:12" ht="43.5" customHeight="1" x14ac:dyDescent="0.2">
      <c r="A23" s="154"/>
      <c r="B23" s="154"/>
      <c r="C23" s="161"/>
      <c r="D23" s="187"/>
      <c r="E23" s="187"/>
      <c r="F23" s="188"/>
      <c r="G23" s="3" t="s">
        <v>120</v>
      </c>
      <c r="H23" s="110" t="s">
        <v>327</v>
      </c>
      <c r="I23" s="110" t="s">
        <v>327</v>
      </c>
      <c r="J23" s="3"/>
    </row>
    <row r="24" spans="1:12" ht="37.5" customHeight="1" x14ac:dyDescent="0.2">
      <c r="A24" s="61" t="s">
        <v>4</v>
      </c>
      <c r="B24" s="61" t="s">
        <v>378</v>
      </c>
      <c r="C24" s="181" t="s">
        <v>494</v>
      </c>
      <c r="D24" s="182"/>
      <c r="E24" s="182"/>
      <c r="F24" s="183"/>
      <c r="G24" s="3" t="s">
        <v>123</v>
      </c>
      <c r="H24" s="110" t="s">
        <v>327</v>
      </c>
      <c r="I24" s="110" t="s">
        <v>482</v>
      </c>
      <c r="J24" s="3"/>
    </row>
    <row r="25" spans="1:12" ht="28.5" customHeight="1" x14ac:dyDescent="0.2">
      <c r="A25" s="152" t="s">
        <v>43</v>
      </c>
      <c r="B25" s="152" t="s">
        <v>9</v>
      </c>
      <c r="C25" s="160" t="s">
        <v>334</v>
      </c>
      <c r="D25" s="185"/>
      <c r="E25" s="185"/>
      <c r="F25" s="186"/>
      <c r="G25" s="3" t="s">
        <v>290</v>
      </c>
      <c r="H25" s="110" t="s">
        <v>327</v>
      </c>
      <c r="I25" s="110" t="s">
        <v>327</v>
      </c>
      <c r="J25" s="3"/>
    </row>
    <row r="26" spans="1:12" ht="17.25" customHeight="1" x14ac:dyDescent="0.2">
      <c r="A26" s="153"/>
      <c r="B26" s="153"/>
      <c r="C26" s="175"/>
      <c r="D26" s="169"/>
      <c r="E26" s="169"/>
      <c r="F26" s="189"/>
      <c r="G26" s="3" t="s">
        <v>125</v>
      </c>
      <c r="H26" s="110" t="s">
        <v>327</v>
      </c>
      <c r="I26" s="110" t="s">
        <v>327</v>
      </c>
      <c r="J26" s="3"/>
    </row>
    <row r="27" spans="1:12" ht="28.8" x14ac:dyDescent="0.2">
      <c r="A27" s="154"/>
      <c r="B27" s="154"/>
      <c r="C27" s="161"/>
      <c r="D27" s="187"/>
      <c r="E27" s="187"/>
      <c r="F27" s="188"/>
      <c r="G27" s="3" t="s">
        <v>124</v>
      </c>
      <c r="H27" s="110" t="s">
        <v>327</v>
      </c>
      <c r="I27" s="110" t="s">
        <v>327</v>
      </c>
      <c r="J27" s="3"/>
    </row>
    <row r="28" spans="1:12" ht="15" thickBot="1" x14ac:dyDescent="0.25"/>
    <row r="29" spans="1:12" x14ac:dyDescent="0.2">
      <c r="A29" s="162" t="s">
        <v>56</v>
      </c>
      <c r="B29" s="190"/>
      <c r="C29" s="191"/>
      <c r="D29" s="191"/>
      <c r="E29" s="191"/>
      <c r="F29" s="191"/>
      <c r="G29" s="191"/>
      <c r="H29" s="191"/>
      <c r="I29" s="191"/>
      <c r="J29" s="192"/>
    </row>
    <row r="30" spans="1:12" x14ac:dyDescent="0.2">
      <c r="A30" s="163"/>
      <c r="B30" s="193"/>
      <c r="C30" s="194"/>
      <c r="D30" s="194"/>
      <c r="E30" s="194"/>
      <c r="F30" s="194"/>
      <c r="G30" s="194"/>
      <c r="H30" s="194"/>
      <c r="I30" s="194"/>
      <c r="J30" s="195"/>
    </row>
    <row r="31" spans="1:12" ht="30" customHeight="1" thickBot="1" x14ac:dyDescent="0.25">
      <c r="A31" s="164"/>
      <c r="B31" s="196"/>
      <c r="C31" s="197"/>
      <c r="D31" s="197"/>
      <c r="E31" s="197"/>
      <c r="F31" s="197"/>
      <c r="G31" s="197"/>
      <c r="H31" s="197"/>
      <c r="I31" s="197"/>
      <c r="J31" s="198"/>
    </row>
    <row r="32" spans="1:12" ht="9" customHeight="1" x14ac:dyDescent="0.2"/>
    <row r="33" spans="6:9" ht="15" thickBot="1" x14ac:dyDescent="0.25">
      <c r="F33" s="12" t="s">
        <v>57</v>
      </c>
      <c r="G33" s="32" t="s">
        <v>57</v>
      </c>
      <c r="H33" s="155"/>
      <c r="I33" s="155"/>
    </row>
    <row r="34" spans="6:9" ht="15" thickTop="1" x14ac:dyDescent="0.2"/>
  </sheetData>
  <mergeCells count="20">
    <mergeCell ref="H33:I33"/>
    <mergeCell ref="C22:F23"/>
    <mergeCell ref="C24:F24"/>
    <mergeCell ref="C25:F27"/>
    <mergeCell ref="A14:A15"/>
    <mergeCell ref="A25:A27"/>
    <mergeCell ref="B25:B27"/>
    <mergeCell ref="H14:H15"/>
    <mergeCell ref="A29:A31"/>
    <mergeCell ref="B29:J31"/>
    <mergeCell ref="B16:B23"/>
    <mergeCell ref="A16:A23"/>
    <mergeCell ref="C16:F21"/>
    <mergeCell ref="B14:B15"/>
    <mergeCell ref="C14:D15"/>
    <mergeCell ref="A1:J1"/>
    <mergeCell ref="B8:J9"/>
    <mergeCell ref="B10:J11"/>
    <mergeCell ref="C13:F13"/>
    <mergeCell ref="I4:J4"/>
  </mergeCells>
  <phoneticPr fontId="1"/>
  <pageMargins left="0.70866141732283472" right="0.70866141732283472" top="0.74803149606299213" bottom="0.74803149606299213" header="0.31496062992125984" footer="0.31496062992125984"/>
  <pageSetup paperSize="9" scale="77" firstPageNumber="28" orientation="portrait" useFirstPageNumber="1" horizontalDpi="4294967294" r:id="rId1"/>
  <headerFooter>
    <oddFooter>&amp;C&amp;P</oddFoot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S81"/>
  <sheetViews>
    <sheetView view="pageBreakPreview" topLeftCell="A52" zoomScale="70" zoomScaleNormal="90" zoomScaleSheetLayoutView="70" workbookViewId="0">
      <selection activeCell="B18" sqref="B18"/>
    </sheetView>
  </sheetViews>
  <sheetFormatPr defaultColWidth="9" defaultRowHeight="14.4" x14ac:dyDescent="0.2"/>
  <cols>
    <col min="1" max="1" width="3.59765625" style="1" customWidth="1"/>
    <col min="2" max="2" width="22.09765625" style="1" customWidth="1"/>
    <col min="3" max="3" width="13.5" style="2" customWidth="1"/>
    <col min="4" max="4" width="9.59765625" style="2" customWidth="1"/>
    <col min="5" max="5" width="22.69921875" style="2" customWidth="1"/>
    <col min="6" max="6" width="3" style="2" hidden="1" customWidth="1"/>
    <col min="7" max="7" width="35.8984375" style="2" customWidth="1"/>
    <col min="8" max="8" width="9.09765625" style="1" customWidth="1"/>
    <col min="9" max="9" width="11.3984375" style="1" customWidth="1"/>
    <col min="10" max="10" width="6.8984375" style="2" customWidth="1"/>
    <col min="11" max="13" width="9" style="2"/>
    <col min="14" max="14" width="0" style="2" hidden="1" customWidth="1"/>
    <col min="15" max="16384" width="9" style="2"/>
  </cols>
  <sheetData>
    <row r="1" spans="1:19" ht="16.2" x14ac:dyDescent="0.2">
      <c r="A1" s="207" t="s">
        <v>395</v>
      </c>
      <c r="B1" s="207"/>
      <c r="C1" s="207"/>
      <c r="D1" s="207"/>
      <c r="E1" s="207"/>
      <c r="F1" s="207"/>
      <c r="G1" s="207"/>
      <c r="H1" s="207"/>
      <c r="I1" s="207"/>
      <c r="J1" s="207"/>
    </row>
    <row r="2" spans="1:19" ht="7.5" customHeight="1" x14ac:dyDescent="0.2">
      <c r="A2" s="5"/>
      <c r="B2" s="5"/>
      <c r="C2" s="5"/>
      <c r="D2" s="5"/>
      <c r="E2" s="5"/>
      <c r="F2" s="5"/>
      <c r="G2" s="5"/>
      <c r="H2" s="5"/>
      <c r="I2" s="5"/>
      <c r="J2" s="5"/>
    </row>
    <row r="3" spans="1:19" ht="22.5" customHeight="1" x14ac:dyDescent="0.2">
      <c r="A3" s="5"/>
      <c r="B3" s="5"/>
      <c r="C3" s="5"/>
      <c r="D3" s="5"/>
      <c r="E3" s="5"/>
      <c r="F3" s="5"/>
      <c r="G3" s="5"/>
      <c r="H3" s="5"/>
      <c r="I3" s="5"/>
      <c r="J3" s="5"/>
    </row>
    <row r="4" spans="1:19" s="6" customFormat="1" ht="18" customHeight="1" x14ac:dyDescent="0.2">
      <c r="A4" s="40"/>
      <c r="B4" s="29" t="s">
        <v>173</v>
      </c>
      <c r="C4" s="11"/>
      <c r="D4" s="16" t="s">
        <v>24</v>
      </c>
      <c r="E4" s="211"/>
      <c r="F4" s="211"/>
      <c r="G4" s="208"/>
      <c r="H4" s="208"/>
      <c r="I4" s="208"/>
      <c r="J4" s="208"/>
      <c r="N4" s="9"/>
      <c r="O4" s="8"/>
      <c r="P4" s="64"/>
      <c r="Q4" s="10"/>
      <c r="R4" s="9"/>
      <c r="S4" s="8"/>
    </row>
    <row r="5" spans="1:19" ht="23.25" customHeight="1" x14ac:dyDescent="0.2">
      <c r="A5" s="5"/>
      <c r="B5" s="17" t="s">
        <v>350</v>
      </c>
      <c r="C5" s="5"/>
      <c r="D5" s="5"/>
      <c r="E5" s="5"/>
      <c r="F5" s="5"/>
      <c r="G5" s="5"/>
      <c r="H5" s="5"/>
      <c r="I5" s="5"/>
      <c r="J5" s="5"/>
    </row>
    <row r="6" spans="1:19" ht="15.75" customHeight="1" x14ac:dyDescent="0.2">
      <c r="A6" s="5"/>
      <c r="B6" s="156" t="s">
        <v>360</v>
      </c>
      <c r="C6" s="157"/>
      <c r="D6" s="157"/>
      <c r="E6" s="157"/>
      <c r="F6" s="157"/>
      <c r="G6" s="157"/>
      <c r="H6" s="36"/>
      <c r="I6" s="36"/>
      <c r="J6" s="5"/>
    </row>
    <row r="7" spans="1:19" ht="12.75" customHeight="1" x14ac:dyDescent="0.2">
      <c r="A7" s="5"/>
      <c r="B7" s="157"/>
      <c r="C7" s="157"/>
      <c r="D7" s="157"/>
      <c r="E7" s="157"/>
      <c r="F7" s="157"/>
      <c r="G7" s="157"/>
      <c r="H7" s="36"/>
      <c r="I7" s="36"/>
    </row>
    <row r="8" spans="1:19" ht="15.75" customHeight="1" x14ac:dyDescent="0.2">
      <c r="A8" s="5"/>
      <c r="B8" s="174" t="s">
        <v>396</v>
      </c>
      <c r="C8" s="174"/>
      <c r="D8" s="174"/>
      <c r="E8" s="174"/>
      <c r="F8" s="174"/>
      <c r="G8" s="174"/>
      <c r="H8" s="18"/>
      <c r="I8" s="18"/>
    </row>
    <row r="9" spans="1:19" ht="21" customHeight="1" x14ac:dyDescent="0.2">
      <c r="A9" s="5"/>
      <c r="B9" s="174"/>
      <c r="C9" s="174"/>
      <c r="D9" s="174"/>
      <c r="E9" s="174"/>
      <c r="F9" s="174"/>
      <c r="G9" s="174"/>
      <c r="H9" s="18"/>
      <c r="I9" s="18"/>
    </row>
    <row r="10" spans="1:19" ht="18.75" customHeight="1" x14ac:dyDescent="0.2">
      <c r="A10" s="5"/>
      <c r="B10" s="209" t="s">
        <v>361</v>
      </c>
      <c r="C10" s="210"/>
      <c r="D10" s="210"/>
      <c r="E10" s="210"/>
      <c r="F10" s="210"/>
      <c r="G10" s="210"/>
      <c r="H10" s="37"/>
      <c r="I10" s="37"/>
    </row>
    <row r="11" spans="1:19" ht="27" customHeight="1" x14ac:dyDescent="0.2">
      <c r="A11" s="5"/>
      <c r="B11" s="210"/>
      <c r="C11" s="210"/>
      <c r="D11" s="210"/>
      <c r="E11" s="210"/>
      <c r="F11" s="210"/>
      <c r="G11" s="210"/>
      <c r="H11" s="37"/>
      <c r="I11" s="37"/>
    </row>
    <row r="12" spans="1:19" ht="38.25" customHeight="1" x14ac:dyDescent="0.2">
      <c r="A12" s="5"/>
      <c r="B12" s="212" t="s">
        <v>379</v>
      </c>
      <c r="C12" s="213"/>
      <c r="D12" s="213"/>
      <c r="E12" s="213"/>
      <c r="F12" s="213"/>
      <c r="G12" s="213"/>
    </row>
    <row r="13" spans="1:19" ht="16.8" thickBot="1" x14ac:dyDescent="0.25">
      <c r="A13" s="199" t="s">
        <v>128</v>
      </c>
      <c r="B13" s="199"/>
      <c r="C13" s="199"/>
      <c r="D13" s="199"/>
      <c r="E13" s="199"/>
      <c r="F13" s="199"/>
      <c r="G13" s="199"/>
      <c r="H13" s="199"/>
      <c r="I13" s="199"/>
      <c r="J13" s="200"/>
    </row>
    <row r="14" spans="1:19" ht="36" customHeight="1" x14ac:dyDescent="0.2">
      <c r="A14" s="61"/>
      <c r="B14" s="61" t="s">
        <v>127</v>
      </c>
      <c r="C14" s="61" t="s">
        <v>25</v>
      </c>
      <c r="D14" s="181" t="s">
        <v>2</v>
      </c>
      <c r="E14" s="182"/>
      <c r="F14" s="183"/>
      <c r="G14" s="122" t="s">
        <v>347</v>
      </c>
      <c r="H14" s="61" t="s">
        <v>199</v>
      </c>
      <c r="I14" s="59" t="s">
        <v>200</v>
      </c>
      <c r="J14" s="65" t="s">
        <v>0</v>
      </c>
    </row>
    <row r="15" spans="1:19" ht="57.6" customHeight="1" x14ac:dyDescent="0.2">
      <c r="A15" s="152" t="s">
        <v>46</v>
      </c>
      <c r="B15" s="152" t="s">
        <v>238</v>
      </c>
      <c r="C15" s="152" t="s">
        <v>165</v>
      </c>
      <c r="D15" s="160" t="s">
        <v>397</v>
      </c>
      <c r="E15" s="185"/>
      <c r="F15" s="148"/>
      <c r="G15" s="3" t="s">
        <v>240</v>
      </c>
      <c r="H15" s="42" t="s">
        <v>237</v>
      </c>
      <c r="I15" s="56" t="s">
        <v>237</v>
      </c>
      <c r="J15" s="69"/>
    </row>
    <row r="16" spans="1:19" ht="28.8" x14ac:dyDescent="0.2">
      <c r="A16" s="154"/>
      <c r="B16" s="154"/>
      <c r="C16" s="154"/>
      <c r="D16" s="161"/>
      <c r="E16" s="187"/>
      <c r="F16" s="150"/>
      <c r="G16" s="3" t="s">
        <v>183</v>
      </c>
      <c r="H16" s="42" t="s">
        <v>491</v>
      </c>
      <c r="I16" s="56" t="s">
        <v>237</v>
      </c>
      <c r="J16" s="69"/>
    </row>
    <row r="17" spans="1:10" ht="78.599999999999994" customHeight="1" x14ac:dyDescent="0.2">
      <c r="A17" s="61" t="s">
        <v>3</v>
      </c>
      <c r="B17" s="63" t="s">
        <v>505</v>
      </c>
      <c r="C17" s="42" t="s">
        <v>238</v>
      </c>
      <c r="D17" s="160" t="s">
        <v>135</v>
      </c>
      <c r="E17" s="185"/>
      <c r="F17" s="186"/>
      <c r="G17" s="3" t="s">
        <v>362</v>
      </c>
      <c r="H17" s="127" t="s">
        <v>491</v>
      </c>
      <c r="I17" s="59" t="s">
        <v>237</v>
      </c>
      <c r="J17" s="70"/>
    </row>
    <row r="18" spans="1:10" ht="57" customHeight="1" x14ac:dyDescent="0.2">
      <c r="A18" s="53" t="s">
        <v>4</v>
      </c>
      <c r="B18" s="73" t="s">
        <v>184</v>
      </c>
      <c r="C18" s="61" t="s">
        <v>238</v>
      </c>
      <c r="D18" s="181" t="s">
        <v>182</v>
      </c>
      <c r="E18" s="182"/>
      <c r="F18" s="183"/>
      <c r="G18" s="74" t="s">
        <v>185</v>
      </c>
      <c r="H18" s="127" t="s">
        <v>491</v>
      </c>
      <c r="I18" s="48" t="s">
        <v>237</v>
      </c>
      <c r="J18" s="43"/>
    </row>
    <row r="19" spans="1:10" ht="43.8" thickBot="1" x14ac:dyDescent="0.25">
      <c r="A19" s="42" t="s">
        <v>43</v>
      </c>
      <c r="B19" s="54" t="s">
        <v>486</v>
      </c>
      <c r="C19" s="42" t="s">
        <v>238</v>
      </c>
      <c r="D19" s="181" t="s">
        <v>237</v>
      </c>
      <c r="E19" s="182"/>
      <c r="F19" s="183"/>
      <c r="G19" s="30" t="s">
        <v>363</v>
      </c>
      <c r="H19" s="127" t="s">
        <v>491</v>
      </c>
      <c r="I19" s="57" t="s">
        <v>237</v>
      </c>
      <c r="J19" s="67"/>
    </row>
    <row r="20" spans="1:10" ht="22.5" customHeight="1" thickBot="1" x14ac:dyDescent="0.25">
      <c r="A20" s="199" t="s">
        <v>450</v>
      </c>
      <c r="B20" s="199"/>
      <c r="C20" s="199"/>
      <c r="D20" s="199"/>
      <c r="E20" s="199"/>
      <c r="F20" s="199"/>
      <c r="G20" s="199"/>
      <c r="H20" s="199"/>
      <c r="I20" s="199"/>
      <c r="J20" s="200"/>
    </row>
    <row r="21" spans="1:10" ht="36" customHeight="1" x14ac:dyDescent="0.2">
      <c r="A21" s="133"/>
      <c r="B21" s="133" t="s">
        <v>127</v>
      </c>
      <c r="C21" s="133" t="s">
        <v>25</v>
      </c>
      <c r="D21" s="181" t="s">
        <v>2</v>
      </c>
      <c r="E21" s="182"/>
      <c r="F21" s="183"/>
      <c r="G21" s="133" t="s">
        <v>347</v>
      </c>
      <c r="H21" s="133" t="s">
        <v>199</v>
      </c>
      <c r="I21" s="131" t="s">
        <v>200</v>
      </c>
      <c r="J21" s="65" t="s">
        <v>0</v>
      </c>
    </row>
    <row r="22" spans="1:10" ht="57.6" customHeight="1" x14ac:dyDescent="0.2">
      <c r="A22" s="152" t="s">
        <v>46</v>
      </c>
      <c r="B22" s="152" t="s">
        <v>238</v>
      </c>
      <c r="C22" s="152" t="s">
        <v>165</v>
      </c>
      <c r="D22" s="160" t="s">
        <v>397</v>
      </c>
      <c r="E22" s="185"/>
      <c r="F22" s="148"/>
      <c r="G22" s="3" t="s">
        <v>240</v>
      </c>
      <c r="H22" s="133" t="s">
        <v>398</v>
      </c>
      <c r="I22" s="201"/>
      <c r="J22" s="69"/>
    </row>
    <row r="23" spans="1:10" ht="28.8" x14ac:dyDescent="0.2">
      <c r="A23" s="154"/>
      <c r="B23" s="154"/>
      <c r="C23" s="154"/>
      <c r="D23" s="161"/>
      <c r="E23" s="187"/>
      <c r="F23" s="150"/>
      <c r="G23" s="3" t="s">
        <v>183</v>
      </c>
      <c r="H23" s="133" t="s">
        <v>404</v>
      </c>
      <c r="I23" s="202"/>
      <c r="J23" s="69"/>
    </row>
    <row r="24" spans="1:10" ht="43.2" x14ac:dyDescent="0.2">
      <c r="A24" s="133" t="s">
        <v>3</v>
      </c>
      <c r="B24" s="134" t="s">
        <v>398</v>
      </c>
      <c r="C24" s="127" t="s">
        <v>26</v>
      </c>
      <c r="D24" s="160" t="s">
        <v>400</v>
      </c>
      <c r="E24" s="185"/>
      <c r="F24" s="186"/>
      <c r="G24" s="3" t="s">
        <v>402</v>
      </c>
      <c r="H24" s="127" t="s">
        <v>252</v>
      </c>
      <c r="I24" s="131" t="s">
        <v>237</v>
      </c>
      <c r="J24" s="70"/>
    </row>
    <row r="25" spans="1:10" ht="28.8" x14ac:dyDescent="0.2">
      <c r="A25" s="130" t="s">
        <v>4</v>
      </c>
      <c r="B25" s="73" t="s">
        <v>399</v>
      </c>
      <c r="C25" s="133" t="s">
        <v>40</v>
      </c>
      <c r="D25" s="181" t="s">
        <v>504</v>
      </c>
      <c r="E25" s="182"/>
      <c r="F25" s="183"/>
      <c r="G25" s="74" t="s">
        <v>185</v>
      </c>
      <c r="H25" s="127" t="s">
        <v>492</v>
      </c>
      <c r="I25" s="129" t="s">
        <v>237</v>
      </c>
      <c r="J25" s="128"/>
    </row>
    <row r="26" spans="1:10" ht="43.8" thickBot="1" x14ac:dyDescent="0.25">
      <c r="A26" s="152" t="s">
        <v>43</v>
      </c>
      <c r="B26" s="203" t="s">
        <v>398</v>
      </c>
      <c r="C26" s="152" t="s">
        <v>41</v>
      </c>
      <c r="D26" s="160" t="s">
        <v>401</v>
      </c>
      <c r="E26" s="185"/>
      <c r="F26" s="186"/>
      <c r="G26" s="3" t="s">
        <v>240</v>
      </c>
      <c r="H26" s="152" t="s">
        <v>403</v>
      </c>
      <c r="I26" s="132" t="s">
        <v>237</v>
      </c>
      <c r="J26" s="67"/>
    </row>
    <row r="27" spans="1:10" ht="28.5" customHeight="1" thickBot="1" x14ac:dyDescent="0.25">
      <c r="A27" s="154"/>
      <c r="B27" s="204"/>
      <c r="C27" s="154"/>
      <c r="D27" s="161"/>
      <c r="E27" s="187"/>
      <c r="F27" s="188"/>
      <c r="G27" s="31" t="s">
        <v>243</v>
      </c>
      <c r="H27" s="154"/>
      <c r="I27" s="137" t="s">
        <v>237</v>
      </c>
      <c r="J27" s="67"/>
    </row>
    <row r="28" spans="1:10" ht="18" customHeight="1" thickBot="1" x14ac:dyDescent="0.25">
      <c r="A28" s="214" t="s">
        <v>126</v>
      </c>
      <c r="B28" s="158"/>
      <c r="C28" s="158"/>
      <c r="D28" s="158"/>
      <c r="E28" s="158"/>
      <c r="F28" s="158"/>
      <c r="G28" s="158"/>
      <c r="H28" s="158"/>
      <c r="I28" s="158"/>
      <c r="J28" s="215"/>
    </row>
    <row r="29" spans="1:10" ht="28.8" x14ac:dyDescent="0.2">
      <c r="A29" s="133"/>
      <c r="B29" s="133" t="s">
        <v>127</v>
      </c>
      <c r="C29" s="133" t="s">
        <v>25</v>
      </c>
      <c r="D29" s="181" t="s">
        <v>2</v>
      </c>
      <c r="E29" s="182"/>
      <c r="F29" s="183"/>
      <c r="G29" s="133" t="s">
        <v>1</v>
      </c>
      <c r="H29" s="61" t="s">
        <v>199</v>
      </c>
      <c r="I29" s="59" t="s">
        <v>200</v>
      </c>
      <c r="J29" s="65" t="s">
        <v>0</v>
      </c>
    </row>
    <row r="30" spans="1:10" ht="28.5" customHeight="1" x14ac:dyDescent="0.2">
      <c r="A30" s="152" t="s">
        <v>46</v>
      </c>
      <c r="B30" s="152" t="s">
        <v>9</v>
      </c>
      <c r="C30" s="152" t="s">
        <v>165</v>
      </c>
      <c r="D30" s="160" t="s">
        <v>397</v>
      </c>
      <c r="E30" s="185"/>
      <c r="F30" s="148"/>
      <c r="G30" s="3" t="s">
        <v>118</v>
      </c>
      <c r="H30" s="61" t="s">
        <v>238</v>
      </c>
      <c r="I30" s="59" t="s">
        <v>238</v>
      </c>
      <c r="J30" s="69"/>
    </row>
    <row r="31" spans="1:10" ht="43.2" x14ac:dyDescent="0.2">
      <c r="A31" s="154"/>
      <c r="B31" s="154"/>
      <c r="C31" s="154"/>
      <c r="D31" s="161"/>
      <c r="E31" s="187"/>
      <c r="F31" s="150"/>
      <c r="G31" s="3" t="s">
        <v>303</v>
      </c>
      <c r="H31" s="127" t="s">
        <v>491</v>
      </c>
      <c r="I31" s="59" t="s">
        <v>238</v>
      </c>
      <c r="J31" s="69"/>
    </row>
    <row r="32" spans="1:10" ht="28.8" x14ac:dyDescent="0.2">
      <c r="A32" s="152" t="s">
        <v>3</v>
      </c>
      <c r="B32" s="152" t="s">
        <v>260</v>
      </c>
      <c r="C32" s="152" t="s">
        <v>39</v>
      </c>
      <c r="D32" s="160" t="s">
        <v>304</v>
      </c>
      <c r="E32" s="185"/>
      <c r="F32" s="186"/>
      <c r="G32" s="3" t="s">
        <v>251</v>
      </c>
      <c r="H32" s="61" t="s">
        <v>238</v>
      </c>
      <c r="I32" s="59" t="s">
        <v>238</v>
      </c>
      <c r="J32" s="66"/>
    </row>
    <row r="33" spans="1:10" ht="43.2" x14ac:dyDescent="0.2">
      <c r="A33" s="153"/>
      <c r="B33" s="153"/>
      <c r="C33" s="154"/>
      <c r="D33" s="161"/>
      <c r="E33" s="187"/>
      <c r="F33" s="188"/>
      <c r="G33" s="3" t="s">
        <v>186</v>
      </c>
      <c r="H33" s="61" t="s">
        <v>238</v>
      </c>
      <c r="I33" s="59" t="s">
        <v>238</v>
      </c>
      <c r="J33" s="66"/>
    </row>
    <row r="34" spans="1:10" ht="43.2" x14ac:dyDescent="0.2">
      <c r="A34" s="153"/>
      <c r="B34" s="153"/>
      <c r="C34" s="152" t="s">
        <v>246</v>
      </c>
      <c r="D34" s="160" t="s">
        <v>305</v>
      </c>
      <c r="E34" s="185"/>
      <c r="F34" s="186"/>
      <c r="G34" s="3" t="s">
        <v>240</v>
      </c>
      <c r="H34" s="61" t="s">
        <v>238</v>
      </c>
      <c r="I34" s="59" t="s">
        <v>238</v>
      </c>
      <c r="J34" s="66"/>
    </row>
    <row r="35" spans="1:10" ht="71.25" customHeight="1" x14ac:dyDescent="0.2">
      <c r="A35" s="153"/>
      <c r="B35" s="153"/>
      <c r="C35" s="153"/>
      <c r="D35" s="175"/>
      <c r="E35" s="169"/>
      <c r="F35" s="189"/>
      <c r="G35" s="3" t="s">
        <v>298</v>
      </c>
      <c r="H35" s="61" t="s">
        <v>238</v>
      </c>
      <c r="I35" s="59" t="s">
        <v>192</v>
      </c>
      <c r="J35" s="66"/>
    </row>
    <row r="36" spans="1:10" ht="28.8" x14ac:dyDescent="0.2">
      <c r="A36" s="153"/>
      <c r="B36" s="153"/>
      <c r="C36" s="153"/>
      <c r="D36" s="175"/>
      <c r="E36" s="169"/>
      <c r="F36" s="189"/>
      <c r="G36" s="3" t="s">
        <v>251</v>
      </c>
      <c r="H36" s="61" t="s">
        <v>238</v>
      </c>
      <c r="I36" s="59" t="s">
        <v>238</v>
      </c>
      <c r="J36" s="66"/>
    </row>
    <row r="37" spans="1:10" ht="72" x14ac:dyDescent="0.2">
      <c r="A37" s="154"/>
      <c r="B37" s="154"/>
      <c r="C37" s="154"/>
      <c r="D37" s="161"/>
      <c r="E37" s="187"/>
      <c r="F37" s="188"/>
      <c r="G37" s="3" t="s">
        <v>261</v>
      </c>
      <c r="H37" s="61" t="s">
        <v>238</v>
      </c>
      <c r="I37" s="59" t="s">
        <v>238</v>
      </c>
      <c r="J37" s="66"/>
    </row>
    <row r="38" spans="1:10" ht="28.8" x14ac:dyDescent="0.2">
      <c r="A38" s="152" t="s">
        <v>4</v>
      </c>
      <c r="B38" s="152" t="s">
        <v>129</v>
      </c>
      <c r="C38" s="152" t="s">
        <v>39</v>
      </c>
      <c r="D38" s="160" t="s">
        <v>306</v>
      </c>
      <c r="E38" s="185"/>
      <c r="F38" s="186"/>
      <c r="G38" s="3" t="s">
        <v>136</v>
      </c>
      <c r="H38" s="61" t="s">
        <v>238</v>
      </c>
      <c r="I38" s="59" t="s">
        <v>238</v>
      </c>
      <c r="J38" s="66"/>
    </row>
    <row r="39" spans="1:10" ht="100.8" x14ac:dyDescent="0.2">
      <c r="A39" s="154"/>
      <c r="B39" s="154"/>
      <c r="C39" s="154"/>
      <c r="D39" s="161"/>
      <c r="E39" s="187"/>
      <c r="F39" s="188"/>
      <c r="G39" s="28" t="s">
        <v>349</v>
      </c>
      <c r="H39" s="61" t="s">
        <v>238</v>
      </c>
      <c r="I39" s="59" t="s">
        <v>238</v>
      </c>
      <c r="J39" s="66"/>
    </row>
    <row r="40" spans="1:10" ht="86.4" x14ac:dyDescent="0.2">
      <c r="A40" s="152" t="s">
        <v>43</v>
      </c>
      <c r="B40" s="152" t="s">
        <v>174</v>
      </c>
      <c r="C40" s="152" t="s">
        <v>27</v>
      </c>
      <c r="D40" s="160" t="s">
        <v>307</v>
      </c>
      <c r="E40" s="185"/>
      <c r="F40" s="186"/>
      <c r="G40" s="3" t="s">
        <v>308</v>
      </c>
      <c r="H40" s="61" t="s">
        <v>238</v>
      </c>
      <c r="I40" s="59" t="s">
        <v>238</v>
      </c>
      <c r="J40" s="66"/>
    </row>
    <row r="41" spans="1:10" ht="42.75" customHeight="1" x14ac:dyDescent="0.2">
      <c r="A41" s="154"/>
      <c r="B41" s="154"/>
      <c r="C41" s="154"/>
      <c r="D41" s="161"/>
      <c r="E41" s="187"/>
      <c r="F41" s="188"/>
      <c r="G41" s="3" t="s">
        <v>364</v>
      </c>
      <c r="H41" s="61" t="s">
        <v>238</v>
      </c>
      <c r="I41" s="59" t="s">
        <v>238</v>
      </c>
      <c r="J41" s="66"/>
    </row>
    <row r="42" spans="1:10" x14ac:dyDescent="0.2">
      <c r="A42" s="152" t="s">
        <v>44</v>
      </c>
      <c r="B42" s="152" t="s">
        <v>132</v>
      </c>
      <c r="C42" s="61" t="s">
        <v>27</v>
      </c>
      <c r="D42" s="181" t="s">
        <v>307</v>
      </c>
      <c r="E42" s="182"/>
      <c r="F42" s="183"/>
      <c r="G42" s="3" t="s">
        <v>265</v>
      </c>
      <c r="H42" s="61" t="s">
        <v>238</v>
      </c>
      <c r="I42" s="59">
        <v>2</v>
      </c>
      <c r="J42" s="66"/>
    </row>
    <row r="43" spans="1:10" ht="72" x14ac:dyDescent="0.2">
      <c r="A43" s="154"/>
      <c r="B43" s="154"/>
      <c r="C43" s="141" t="s">
        <v>470</v>
      </c>
      <c r="D43" s="181" t="s">
        <v>309</v>
      </c>
      <c r="E43" s="182"/>
      <c r="F43" s="183"/>
      <c r="G43" s="3" t="s">
        <v>310</v>
      </c>
      <c r="H43" s="61" t="s">
        <v>488</v>
      </c>
      <c r="I43" s="59">
        <v>13</v>
      </c>
      <c r="J43" s="66"/>
    </row>
    <row r="44" spans="1:10" ht="72" x14ac:dyDescent="0.2">
      <c r="A44" s="61" t="s">
        <v>45</v>
      </c>
      <c r="B44" s="61" t="s">
        <v>133</v>
      </c>
      <c r="C44" s="61" t="s">
        <v>27</v>
      </c>
      <c r="D44" s="181" t="s">
        <v>307</v>
      </c>
      <c r="E44" s="182"/>
      <c r="F44" s="183"/>
      <c r="G44" s="28" t="s">
        <v>311</v>
      </c>
      <c r="H44" s="33" t="s">
        <v>252</v>
      </c>
      <c r="I44" s="62">
        <v>4</v>
      </c>
      <c r="J44" s="66"/>
    </row>
    <row r="45" spans="1:10" ht="28.5" customHeight="1" x14ac:dyDescent="0.2">
      <c r="A45" s="152" t="s">
        <v>13</v>
      </c>
      <c r="B45" s="152" t="s">
        <v>134</v>
      </c>
      <c r="C45" s="61" t="s">
        <v>27</v>
      </c>
      <c r="D45" s="181" t="s">
        <v>307</v>
      </c>
      <c r="E45" s="182"/>
      <c r="F45" s="183"/>
      <c r="G45" s="3" t="s">
        <v>265</v>
      </c>
      <c r="H45" s="61" t="s">
        <v>238</v>
      </c>
      <c r="I45" s="59">
        <v>2</v>
      </c>
      <c r="J45" s="66"/>
    </row>
    <row r="46" spans="1:10" ht="43.2" x14ac:dyDescent="0.2">
      <c r="A46" s="153"/>
      <c r="B46" s="153"/>
      <c r="C46" s="61" t="s">
        <v>175</v>
      </c>
      <c r="D46" s="181" t="s">
        <v>312</v>
      </c>
      <c r="E46" s="182"/>
      <c r="F46" s="183"/>
      <c r="G46" s="3" t="s">
        <v>178</v>
      </c>
      <c r="H46" s="61" t="s">
        <v>238</v>
      </c>
      <c r="I46" s="59">
        <v>7</v>
      </c>
      <c r="J46" s="66"/>
    </row>
    <row r="47" spans="1:10" ht="57" customHeight="1" x14ac:dyDescent="0.2">
      <c r="A47" s="153"/>
      <c r="B47" s="153"/>
      <c r="C47" s="152" t="s">
        <v>9</v>
      </c>
      <c r="D47" s="160" t="s">
        <v>313</v>
      </c>
      <c r="E47" s="185"/>
      <c r="F47" s="186"/>
      <c r="G47" s="3" t="s">
        <v>365</v>
      </c>
      <c r="H47" s="61" t="s">
        <v>238</v>
      </c>
      <c r="I47" s="160">
        <v>7</v>
      </c>
      <c r="J47" s="66"/>
    </row>
    <row r="48" spans="1:10" ht="43.2" x14ac:dyDescent="0.2">
      <c r="A48" s="153"/>
      <c r="B48" s="153"/>
      <c r="C48" s="154"/>
      <c r="D48" s="161"/>
      <c r="E48" s="187"/>
      <c r="F48" s="188"/>
      <c r="G48" s="3" t="s">
        <v>196</v>
      </c>
      <c r="H48" s="61" t="s">
        <v>238</v>
      </c>
      <c r="I48" s="161"/>
      <c r="J48" s="66"/>
    </row>
    <row r="49" spans="1:10" ht="43.2" x14ac:dyDescent="0.2">
      <c r="A49" s="153"/>
      <c r="B49" s="153"/>
      <c r="C49" s="61" t="s">
        <v>30</v>
      </c>
      <c r="D49" s="181" t="s">
        <v>314</v>
      </c>
      <c r="E49" s="182"/>
      <c r="F49" s="183"/>
      <c r="G49" s="31" t="s">
        <v>256</v>
      </c>
      <c r="H49" s="61" t="s">
        <v>238</v>
      </c>
      <c r="I49" s="59">
        <v>11</v>
      </c>
      <c r="J49" s="66"/>
    </row>
    <row r="50" spans="1:10" ht="43.2" x14ac:dyDescent="0.2">
      <c r="A50" s="154"/>
      <c r="B50" s="154"/>
      <c r="C50" s="61" t="s">
        <v>245</v>
      </c>
      <c r="D50" s="181" t="s">
        <v>315</v>
      </c>
      <c r="E50" s="182"/>
      <c r="F50" s="183"/>
      <c r="G50" s="3" t="s">
        <v>264</v>
      </c>
      <c r="H50" s="61" t="s">
        <v>238</v>
      </c>
      <c r="I50" s="59" t="s">
        <v>238</v>
      </c>
      <c r="J50" s="66"/>
    </row>
    <row r="51" spans="1:10" x14ac:dyDescent="0.2">
      <c r="A51" s="152" t="s">
        <v>14</v>
      </c>
      <c r="B51" s="152" t="s">
        <v>130</v>
      </c>
      <c r="C51" s="61" t="s">
        <v>27</v>
      </c>
      <c r="D51" s="181" t="s">
        <v>28</v>
      </c>
      <c r="E51" s="182"/>
      <c r="F51" s="183"/>
      <c r="G51" s="3" t="s">
        <v>265</v>
      </c>
      <c r="H51" s="61" t="s">
        <v>238</v>
      </c>
      <c r="I51" s="59" t="s">
        <v>238</v>
      </c>
      <c r="J51" s="66"/>
    </row>
    <row r="52" spans="1:10" ht="28.8" x14ac:dyDescent="0.2">
      <c r="A52" s="153"/>
      <c r="B52" s="153"/>
      <c r="C52" s="61" t="s">
        <v>175</v>
      </c>
      <c r="D52" s="181" t="s">
        <v>312</v>
      </c>
      <c r="E52" s="182"/>
      <c r="F52" s="183"/>
      <c r="G52" s="3" t="s">
        <v>137</v>
      </c>
      <c r="H52" s="61" t="s">
        <v>238</v>
      </c>
      <c r="I52" s="59" t="s">
        <v>238</v>
      </c>
      <c r="J52" s="66"/>
    </row>
    <row r="53" spans="1:10" ht="28.8" x14ac:dyDescent="0.2">
      <c r="A53" s="153"/>
      <c r="B53" s="153"/>
      <c r="C53" s="152" t="s">
        <v>9</v>
      </c>
      <c r="D53" s="160" t="s">
        <v>316</v>
      </c>
      <c r="E53" s="185"/>
      <c r="F53" s="186"/>
      <c r="G53" s="3" t="s">
        <v>138</v>
      </c>
      <c r="H53" s="61" t="s">
        <v>238</v>
      </c>
      <c r="I53" s="59" t="s">
        <v>238</v>
      </c>
      <c r="J53" s="66"/>
    </row>
    <row r="54" spans="1:10" ht="73.5" customHeight="1" x14ac:dyDescent="0.2">
      <c r="A54" s="153"/>
      <c r="B54" s="153"/>
      <c r="C54" s="154"/>
      <c r="D54" s="161"/>
      <c r="E54" s="187"/>
      <c r="F54" s="188"/>
      <c r="G54" s="3" t="s">
        <v>366</v>
      </c>
      <c r="H54" s="61" t="s">
        <v>238</v>
      </c>
      <c r="I54" s="59" t="s">
        <v>238</v>
      </c>
      <c r="J54" s="66"/>
    </row>
    <row r="55" spans="1:10" ht="28.8" x14ac:dyDescent="0.2">
      <c r="A55" s="153"/>
      <c r="B55" s="153"/>
      <c r="C55" s="61" t="s">
        <v>9</v>
      </c>
      <c r="D55" s="181" t="s">
        <v>317</v>
      </c>
      <c r="E55" s="182"/>
      <c r="F55" s="183"/>
      <c r="G55" s="3" t="s">
        <v>369</v>
      </c>
      <c r="H55" s="61" t="s">
        <v>238</v>
      </c>
      <c r="I55" s="109" t="s">
        <v>343</v>
      </c>
      <c r="J55" s="66"/>
    </row>
    <row r="56" spans="1:10" ht="43.2" x14ac:dyDescent="0.2">
      <c r="A56" s="154"/>
      <c r="B56" s="154"/>
      <c r="C56" s="61" t="s">
        <v>30</v>
      </c>
      <c r="D56" s="181" t="s">
        <v>318</v>
      </c>
      <c r="E56" s="182"/>
      <c r="F56" s="183"/>
      <c r="G56" s="3" t="s">
        <v>367</v>
      </c>
      <c r="H56" s="61" t="s">
        <v>238</v>
      </c>
      <c r="I56" s="59">
        <v>11</v>
      </c>
      <c r="J56" s="66"/>
    </row>
    <row r="57" spans="1:10" x14ac:dyDescent="0.2">
      <c r="A57" s="152" t="s">
        <v>5</v>
      </c>
      <c r="B57" s="152" t="s">
        <v>140</v>
      </c>
      <c r="C57" s="61" t="s">
        <v>55</v>
      </c>
      <c r="D57" s="181" t="s">
        <v>319</v>
      </c>
      <c r="E57" s="182"/>
      <c r="F57" s="183"/>
      <c r="G57" s="3" t="s">
        <v>265</v>
      </c>
      <c r="H57" s="61" t="s">
        <v>238</v>
      </c>
      <c r="I57" s="59" t="s">
        <v>238</v>
      </c>
      <c r="J57" s="66"/>
    </row>
    <row r="58" spans="1:10" ht="72" x14ac:dyDescent="0.2">
      <c r="A58" s="154"/>
      <c r="B58" s="154"/>
      <c r="C58" s="61" t="s">
        <v>122</v>
      </c>
      <c r="D58" s="181" t="s">
        <v>141</v>
      </c>
      <c r="E58" s="182"/>
      <c r="F58" s="183"/>
      <c r="G58" s="3" t="s">
        <v>368</v>
      </c>
      <c r="H58" s="61" t="s">
        <v>238</v>
      </c>
      <c r="I58" s="109" t="s">
        <v>484</v>
      </c>
      <c r="J58" s="66"/>
    </row>
    <row r="59" spans="1:10" ht="57.6" x14ac:dyDescent="0.2">
      <c r="A59" s="216" t="s">
        <v>15</v>
      </c>
      <c r="B59" s="152" t="s">
        <v>197</v>
      </c>
      <c r="C59" s="61" t="s">
        <v>176</v>
      </c>
      <c r="D59" s="181" t="s">
        <v>320</v>
      </c>
      <c r="E59" s="182"/>
      <c r="F59" s="183"/>
      <c r="G59" s="3" t="s">
        <v>266</v>
      </c>
      <c r="H59" s="61" t="s">
        <v>238</v>
      </c>
      <c r="I59" s="59" t="s">
        <v>238</v>
      </c>
      <c r="J59" s="66"/>
    </row>
    <row r="60" spans="1:10" ht="57.6" x14ac:dyDescent="0.2">
      <c r="A60" s="216"/>
      <c r="B60" s="153"/>
      <c r="C60" s="61" t="s">
        <v>176</v>
      </c>
      <c r="D60" s="181" t="s">
        <v>320</v>
      </c>
      <c r="E60" s="182"/>
      <c r="F60" s="183"/>
      <c r="G60" s="3" t="s">
        <v>346</v>
      </c>
      <c r="H60" s="61" t="s">
        <v>238</v>
      </c>
      <c r="I60" s="109" t="s">
        <v>485</v>
      </c>
      <c r="J60" s="66"/>
    </row>
    <row r="61" spans="1:10" ht="70.5" customHeight="1" x14ac:dyDescent="0.2">
      <c r="A61" s="216"/>
      <c r="B61" s="153"/>
      <c r="C61" s="61" t="s">
        <v>262</v>
      </c>
      <c r="D61" s="181" t="s">
        <v>321</v>
      </c>
      <c r="E61" s="182"/>
      <c r="F61" s="183"/>
      <c r="G61" s="3" t="s">
        <v>345</v>
      </c>
      <c r="H61" s="61" t="s">
        <v>238</v>
      </c>
      <c r="I61" s="59" t="s">
        <v>238</v>
      </c>
      <c r="J61" s="66"/>
    </row>
    <row r="62" spans="1:10" ht="57" customHeight="1" x14ac:dyDescent="0.2">
      <c r="A62" s="216"/>
      <c r="B62" s="153"/>
      <c r="C62" s="203" t="s">
        <v>234</v>
      </c>
      <c r="D62" s="160" t="s">
        <v>322</v>
      </c>
      <c r="E62" s="185"/>
      <c r="F62" s="186"/>
      <c r="G62" s="31" t="s">
        <v>440</v>
      </c>
      <c r="H62" s="61" t="s">
        <v>238</v>
      </c>
      <c r="I62" s="205" t="s">
        <v>418</v>
      </c>
      <c r="J62" s="66"/>
    </row>
    <row r="63" spans="1:10" ht="115.2" x14ac:dyDescent="0.2">
      <c r="A63" s="216"/>
      <c r="B63" s="154"/>
      <c r="C63" s="204"/>
      <c r="D63" s="161"/>
      <c r="E63" s="187"/>
      <c r="F63" s="188"/>
      <c r="G63" s="31" t="s">
        <v>204</v>
      </c>
      <c r="H63" s="61" t="s">
        <v>238</v>
      </c>
      <c r="I63" s="206"/>
      <c r="J63" s="66"/>
    </row>
    <row r="64" spans="1:10" ht="43.2" x14ac:dyDescent="0.2">
      <c r="A64" s="152" t="s">
        <v>434</v>
      </c>
      <c r="B64" s="152" t="s">
        <v>198</v>
      </c>
      <c r="C64" s="152" t="s">
        <v>263</v>
      </c>
      <c r="D64" s="160" t="s">
        <v>471</v>
      </c>
      <c r="E64" s="185"/>
      <c r="F64" s="58"/>
      <c r="G64" s="31" t="s">
        <v>240</v>
      </c>
      <c r="H64" s="61" t="s">
        <v>238</v>
      </c>
      <c r="I64" s="59" t="s">
        <v>238</v>
      </c>
      <c r="J64" s="66"/>
    </row>
    <row r="65" spans="1:10" ht="31.5" customHeight="1" x14ac:dyDescent="0.2">
      <c r="A65" s="153"/>
      <c r="B65" s="153"/>
      <c r="C65" s="153"/>
      <c r="D65" s="175"/>
      <c r="E65" s="169"/>
      <c r="F65" s="58"/>
      <c r="G65" s="31" t="s">
        <v>171</v>
      </c>
      <c r="H65" s="61" t="s">
        <v>238</v>
      </c>
      <c r="I65" s="59" t="s">
        <v>238</v>
      </c>
      <c r="J65" s="66"/>
    </row>
    <row r="66" spans="1:10" ht="57.6" x14ac:dyDescent="0.2">
      <c r="A66" s="154"/>
      <c r="B66" s="154"/>
      <c r="C66" s="154"/>
      <c r="D66" s="161"/>
      <c r="E66" s="187"/>
      <c r="F66" s="58"/>
      <c r="G66" s="31" t="s">
        <v>451</v>
      </c>
      <c r="H66" s="61" t="s">
        <v>238</v>
      </c>
      <c r="I66" s="59" t="s">
        <v>415</v>
      </c>
      <c r="J66" s="66"/>
    </row>
    <row r="67" spans="1:10" ht="43.5" customHeight="1" x14ac:dyDescent="0.2">
      <c r="A67" s="152" t="s">
        <v>432</v>
      </c>
      <c r="B67" s="152" t="s">
        <v>131</v>
      </c>
      <c r="C67" s="152" t="s">
        <v>238</v>
      </c>
      <c r="D67" s="160" t="s">
        <v>323</v>
      </c>
      <c r="E67" s="185"/>
      <c r="F67" s="186"/>
      <c r="G67" s="31" t="s">
        <v>301</v>
      </c>
      <c r="H67" s="61" t="s">
        <v>238</v>
      </c>
      <c r="I67" s="59" t="s">
        <v>416</v>
      </c>
      <c r="J67" s="66"/>
    </row>
    <row r="68" spans="1:10" ht="28.8" x14ac:dyDescent="0.2">
      <c r="A68" s="153"/>
      <c r="B68" s="153"/>
      <c r="C68" s="154"/>
      <c r="D68" s="161"/>
      <c r="E68" s="187"/>
      <c r="F68" s="188"/>
      <c r="G68" s="31" t="s">
        <v>179</v>
      </c>
      <c r="H68" s="61" t="s">
        <v>238</v>
      </c>
      <c r="I68" s="59" t="s">
        <v>238</v>
      </c>
      <c r="J68" s="66"/>
    </row>
    <row r="69" spans="1:10" ht="28.8" x14ac:dyDescent="0.2">
      <c r="A69" s="153"/>
      <c r="B69" s="153"/>
      <c r="C69" s="42" t="s">
        <v>238</v>
      </c>
      <c r="D69" s="160" t="s">
        <v>258</v>
      </c>
      <c r="E69" s="185"/>
      <c r="F69" s="186"/>
      <c r="G69" s="31" t="s">
        <v>203</v>
      </c>
      <c r="H69" s="61" t="s">
        <v>238</v>
      </c>
      <c r="I69" s="59" t="s">
        <v>238</v>
      </c>
      <c r="J69" s="66"/>
    </row>
    <row r="70" spans="1:10" ht="43.2" x14ac:dyDescent="0.2">
      <c r="A70" s="152" t="s">
        <v>433</v>
      </c>
      <c r="B70" s="152" t="s">
        <v>268</v>
      </c>
      <c r="C70" s="152" t="s">
        <v>237</v>
      </c>
      <c r="D70" s="160" t="s">
        <v>324</v>
      </c>
      <c r="E70" s="185"/>
      <c r="F70" s="186"/>
      <c r="G70" s="31" t="s">
        <v>269</v>
      </c>
      <c r="H70" s="61" t="s">
        <v>238</v>
      </c>
      <c r="I70" s="59" t="s">
        <v>238</v>
      </c>
      <c r="J70" s="66"/>
    </row>
    <row r="71" spans="1:10" ht="43.2" x14ac:dyDescent="0.2">
      <c r="A71" s="153"/>
      <c r="B71" s="153"/>
      <c r="C71" s="153"/>
      <c r="D71" s="175"/>
      <c r="E71" s="169"/>
      <c r="F71" s="189"/>
      <c r="G71" s="31" t="s">
        <v>142</v>
      </c>
      <c r="H71" s="61" t="s">
        <v>238</v>
      </c>
      <c r="I71" s="59" t="s">
        <v>238</v>
      </c>
      <c r="J71" s="66"/>
    </row>
    <row r="72" spans="1:10" ht="28.8" x14ac:dyDescent="0.2">
      <c r="A72" s="153"/>
      <c r="B72" s="153"/>
      <c r="C72" s="154"/>
      <c r="D72" s="161"/>
      <c r="E72" s="187"/>
      <c r="F72" s="188"/>
      <c r="G72" s="3" t="s">
        <v>139</v>
      </c>
      <c r="H72" s="61" t="s">
        <v>238</v>
      </c>
      <c r="I72" s="59" t="s">
        <v>238</v>
      </c>
      <c r="J72" s="66"/>
    </row>
    <row r="73" spans="1:10" ht="42.75" customHeight="1" x14ac:dyDescent="0.2">
      <c r="A73" s="153"/>
      <c r="B73" s="154"/>
      <c r="C73" s="61" t="s">
        <v>238</v>
      </c>
      <c r="D73" s="181" t="s">
        <v>325</v>
      </c>
      <c r="E73" s="182"/>
      <c r="F73" s="183"/>
      <c r="G73" s="31" t="s">
        <v>179</v>
      </c>
      <c r="H73" s="61" t="s">
        <v>238</v>
      </c>
      <c r="I73" s="59" t="s">
        <v>238</v>
      </c>
      <c r="J73" s="66"/>
    </row>
    <row r="74" spans="1:10" ht="49.5" customHeight="1" x14ac:dyDescent="0.2">
      <c r="A74" s="142" t="s">
        <v>477</v>
      </c>
      <c r="B74" s="142" t="s">
        <v>478</v>
      </c>
      <c r="C74" s="142" t="s">
        <v>288</v>
      </c>
      <c r="D74" s="181" t="s">
        <v>487</v>
      </c>
      <c r="E74" s="182"/>
      <c r="F74" s="183"/>
      <c r="G74" s="28" t="s">
        <v>265</v>
      </c>
      <c r="H74" s="33" t="s">
        <v>252</v>
      </c>
      <c r="I74" s="143">
        <v>2</v>
      </c>
      <c r="J74" s="66"/>
    </row>
    <row r="75" spans="1:10" ht="15" thickBot="1" x14ac:dyDescent="0.25">
      <c r="A75" s="48"/>
      <c r="B75" s="48"/>
      <c r="C75" s="48"/>
      <c r="D75" s="48"/>
      <c r="E75" s="4"/>
      <c r="F75" s="4"/>
      <c r="G75" s="4"/>
      <c r="H75" s="48"/>
      <c r="I75" s="48"/>
      <c r="J75" s="4"/>
    </row>
    <row r="76" spans="1:10" x14ac:dyDescent="0.2">
      <c r="A76" s="162" t="s">
        <v>56</v>
      </c>
      <c r="B76" s="113"/>
      <c r="C76" s="114"/>
      <c r="D76" s="114"/>
      <c r="E76" s="114"/>
      <c r="F76" s="114"/>
      <c r="G76" s="114"/>
      <c r="H76" s="114"/>
      <c r="I76" s="114"/>
      <c r="J76" s="115"/>
    </row>
    <row r="77" spans="1:10" x14ac:dyDescent="0.2">
      <c r="A77" s="163"/>
      <c r="B77" s="116"/>
      <c r="C77" s="117"/>
      <c r="D77" s="117"/>
      <c r="E77" s="117"/>
      <c r="F77" s="117"/>
      <c r="G77" s="117"/>
      <c r="H77" s="117"/>
      <c r="I77" s="117"/>
      <c r="J77" s="118"/>
    </row>
    <row r="78" spans="1:10" ht="47.25" customHeight="1" thickBot="1" x14ac:dyDescent="0.25">
      <c r="A78" s="164"/>
      <c r="B78" s="119"/>
      <c r="C78" s="120"/>
      <c r="D78" s="120"/>
      <c r="E78" s="120"/>
      <c r="F78" s="120"/>
      <c r="G78" s="120"/>
      <c r="H78" s="120"/>
      <c r="I78" s="120"/>
      <c r="J78" s="121"/>
    </row>
    <row r="79" spans="1:10" x14ac:dyDescent="0.2">
      <c r="B79" s="2"/>
    </row>
    <row r="80" spans="1:10" ht="15" thickBot="1" x14ac:dyDescent="0.25">
      <c r="B80" s="2"/>
      <c r="E80" s="12" t="s">
        <v>57</v>
      </c>
      <c r="F80" s="12"/>
      <c r="G80" s="13"/>
      <c r="H80" s="48"/>
      <c r="I80" s="48"/>
    </row>
    <row r="81" spans="2:2" ht="15" thickTop="1" x14ac:dyDescent="0.2">
      <c r="B81" s="2"/>
    </row>
  </sheetData>
  <mergeCells count="100">
    <mergeCell ref="D51:F51"/>
    <mergeCell ref="D44:F44"/>
    <mergeCell ref="D49:F49"/>
    <mergeCell ref="D46:F46"/>
    <mergeCell ref="B59:B63"/>
    <mergeCell ref="B57:B58"/>
    <mergeCell ref="D50:F50"/>
    <mergeCell ref="D52:F52"/>
    <mergeCell ref="D47:F48"/>
    <mergeCell ref="D74:F74"/>
    <mergeCell ref="A64:A66"/>
    <mergeCell ref="D69:F69"/>
    <mergeCell ref="B67:B69"/>
    <mergeCell ref="A67:A69"/>
    <mergeCell ref="D67:F68"/>
    <mergeCell ref="C67:C68"/>
    <mergeCell ref="B64:B66"/>
    <mergeCell ref="C64:C66"/>
    <mergeCell ref="D64:E66"/>
    <mergeCell ref="D73:F73"/>
    <mergeCell ref="D70:F72"/>
    <mergeCell ref="A70:A73"/>
    <mergeCell ref="A76:A78"/>
    <mergeCell ref="C70:C72"/>
    <mergeCell ref="B70:B73"/>
    <mergeCell ref="A57:A58"/>
    <mergeCell ref="B51:B56"/>
    <mergeCell ref="A59:A63"/>
    <mergeCell ref="A51:A56"/>
    <mergeCell ref="D53:F54"/>
    <mergeCell ref="D56:F56"/>
    <mergeCell ref="D55:F55"/>
    <mergeCell ref="A30:A31"/>
    <mergeCell ref="B30:B31"/>
    <mergeCell ref="C38:C39"/>
    <mergeCell ref="A38:A39"/>
    <mergeCell ref="A42:A43"/>
    <mergeCell ref="A45:A50"/>
    <mergeCell ref="B45:B50"/>
    <mergeCell ref="B38:B39"/>
    <mergeCell ref="C40:C41"/>
    <mergeCell ref="B40:B41"/>
    <mergeCell ref="A40:A41"/>
    <mergeCell ref="B42:B43"/>
    <mergeCell ref="D45:F45"/>
    <mergeCell ref="A26:A27"/>
    <mergeCell ref="D62:F63"/>
    <mergeCell ref="D14:F14"/>
    <mergeCell ref="D17:F17"/>
    <mergeCell ref="D19:F19"/>
    <mergeCell ref="A28:J28"/>
    <mergeCell ref="D43:F43"/>
    <mergeCell ref="D21:F21"/>
    <mergeCell ref="D38:F39"/>
    <mergeCell ref="D40:F41"/>
    <mergeCell ref="D42:F42"/>
    <mergeCell ref="D34:F37"/>
    <mergeCell ref="D32:F33"/>
    <mergeCell ref="D29:F29"/>
    <mergeCell ref="A32:A37"/>
    <mergeCell ref="C32:C33"/>
    <mergeCell ref="D25:F25"/>
    <mergeCell ref="D18:F18"/>
    <mergeCell ref="D24:F24"/>
    <mergeCell ref="C30:C31"/>
    <mergeCell ref="D30:E31"/>
    <mergeCell ref="A1:J1"/>
    <mergeCell ref="A13:J13"/>
    <mergeCell ref="G4:J4"/>
    <mergeCell ref="B6:G7"/>
    <mergeCell ref="B8:G9"/>
    <mergeCell ref="B10:G11"/>
    <mergeCell ref="E4:F4"/>
    <mergeCell ref="B12:G12"/>
    <mergeCell ref="B26:B27"/>
    <mergeCell ref="C26:C27"/>
    <mergeCell ref="D26:F27"/>
    <mergeCell ref="I62:I63"/>
    <mergeCell ref="C62:C63"/>
    <mergeCell ref="C47:C48"/>
    <mergeCell ref="I47:I48"/>
    <mergeCell ref="C53:C54"/>
    <mergeCell ref="D58:F58"/>
    <mergeCell ref="D59:F59"/>
    <mergeCell ref="B32:B37"/>
    <mergeCell ref="H26:H27"/>
    <mergeCell ref="C34:C37"/>
    <mergeCell ref="D61:F61"/>
    <mergeCell ref="D60:F60"/>
    <mergeCell ref="D57:F57"/>
    <mergeCell ref="A15:A16"/>
    <mergeCell ref="B15:B16"/>
    <mergeCell ref="C15:C16"/>
    <mergeCell ref="D15:E16"/>
    <mergeCell ref="A22:A23"/>
    <mergeCell ref="B22:B23"/>
    <mergeCell ref="C22:C23"/>
    <mergeCell ref="D22:E23"/>
    <mergeCell ref="A20:J20"/>
    <mergeCell ref="I22:I23"/>
  </mergeCells>
  <phoneticPr fontId="1"/>
  <printOptions horizontalCentered="1" verticalCentered="1"/>
  <pageMargins left="0.39370078740157483" right="0.39370078740157483" top="0.39370078740157483" bottom="0.39370078740157483" header="0.31496062992125984" footer="0.31496062992125984"/>
  <pageSetup paperSize="9" scale="55" firstPageNumber="29" orientation="portrait" useFirstPageNumber="1" r:id="rId1"/>
  <headerFooter>
    <oddFooter>&amp;C&amp;P</oddFooter>
  </headerFooter>
  <rowBreaks count="2" manualBreakCount="2">
    <brk id="37" max="9" man="1"/>
    <brk id="58" max="9" man="1"/>
  </row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T71"/>
  <sheetViews>
    <sheetView view="pageBreakPreview" topLeftCell="A7" zoomScale="70" zoomScaleNormal="100" zoomScaleSheetLayoutView="70" workbookViewId="0">
      <selection activeCell="A61" sqref="A61"/>
    </sheetView>
  </sheetViews>
  <sheetFormatPr defaultColWidth="9" defaultRowHeight="14.4" x14ac:dyDescent="0.2"/>
  <cols>
    <col min="1" max="1" width="3.09765625" style="1" customWidth="1"/>
    <col min="2" max="2" width="15.5" style="2" customWidth="1"/>
    <col min="3" max="3" width="12.09765625" style="2" customWidth="1"/>
    <col min="4" max="4" width="14.59765625" style="2" customWidth="1"/>
    <col min="5" max="5" width="8" style="2" customWidth="1"/>
    <col min="6" max="6" width="11" style="2" customWidth="1"/>
    <col min="7" max="7" width="42.3984375" style="2" customWidth="1"/>
    <col min="8" max="8" width="10.5" style="1" customWidth="1"/>
    <col min="9" max="9" width="9.8984375" style="1" customWidth="1"/>
    <col min="10" max="10" width="6.8984375" style="2" customWidth="1"/>
    <col min="11" max="16384" width="9" style="2"/>
  </cols>
  <sheetData>
    <row r="1" spans="1:12" s="4" customFormat="1" ht="24" customHeight="1" x14ac:dyDescent="0.2">
      <c r="A1" s="158" t="s">
        <v>412</v>
      </c>
      <c r="B1" s="158"/>
      <c r="C1" s="158"/>
      <c r="D1" s="158"/>
      <c r="E1" s="158"/>
      <c r="F1" s="158"/>
      <c r="G1" s="158"/>
      <c r="H1" s="158"/>
      <c r="I1" s="158"/>
      <c r="J1" s="158"/>
    </row>
    <row r="2" spans="1:12" ht="6" customHeight="1" x14ac:dyDescent="0.2">
      <c r="A2" s="5"/>
      <c r="B2" s="5"/>
      <c r="C2" s="5"/>
      <c r="D2" s="5"/>
      <c r="E2" s="5"/>
      <c r="F2" s="5"/>
      <c r="G2" s="5"/>
      <c r="H2" s="5"/>
      <c r="I2" s="5"/>
      <c r="J2" s="5"/>
    </row>
    <row r="3" spans="1:12" ht="18" customHeight="1" x14ac:dyDescent="0.2">
      <c r="A3" s="5"/>
      <c r="B3" s="5"/>
      <c r="C3" s="5"/>
      <c r="D3" s="5"/>
      <c r="E3" s="5"/>
      <c r="F3" s="5"/>
      <c r="G3" s="5"/>
      <c r="H3" s="5"/>
      <c r="I3" s="5"/>
      <c r="J3" s="5"/>
    </row>
    <row r="4" spans="1:12" ht="15.75" customHeight="1" x14ac:dyDescent="0.2">
      <c r="A4" s="5"/>
      <c r="B4" s="18" t="s">
        <v>117</v>
      </c>
      <c r="C4" s="19"/>
      <c r="D4" s="18" t="s">
        <v>145</v>
      </c>
      <c r="E4" s="41"/>
      <c r="F4" s="18" t="s">
        <v>24</v>
      </c>
      <c r="G4" s="21"/>
      <c r="H4" s="40"/>
      <c r="I4" s="40"/>
      <c r="J4" s="20"/>
      <c r="L4" s="7"/>
    </row>
    <row r="5" spans="1:12" ht="7.5" customHeight="1" x14ac:dyDescent="0.2">
      <c r="A5" s="5"/>
      <c r="B5" s="18"/>
      <c r="C5" s="18"/>
      <c r="D5" s="18"/>
      <c r="E5" s="60"/>
      <c r="F5" s="18"/>
      <c r="G5" s="20"/>
      <c r="H5" s="40"/>
      <c r="I5" s="40"/>
      <c r="J5" s="20"/>
      <c r="L5" s="7"/>
    </row>
    <row r="6" spans="1:12" ht="18.75" customHeight="1" x14ac:dyDescent="0.2">
      <c r="A6" s="5"/>
      <c r="B6" s="17" t="s">
        <v>350</v>
      </c>
      <c r="C6" s="17"/>
      <c r="D6" s="17"/>
      <c r="E6" s="5"/>
      <c r="F6" s="5"/>
      <c r="G6" s="5"/>
      <c r="H6" s="5"/>
      <c r="I6" s="5"/>
      <c r="J6" s="5"/>
      <c r="K6" s="5"/>
    </row>
    <row r="7" spans="1:12" ht="31.5" customHeight="1" x14ac:dyDescent="0.2">
      <c r="A7" s="5"/>
      <c r="B7" s="156" t="s">
        <v>351</v>
      </c>
      <c r="C7" s="156"/>
      <c r="D7" s="156"/>
      <c r="E7" s="157"/>
      <c r="F7" s="157"/>
      <c r="G7" s="157"/>
      <c r="H7" s="157"/>
      <c r="I7" s="157"/>
      <c r="J7" s="157"/>
    </row>
    <row r="8" spans="1:12" ht="34.5" customHeight="1" x14ac:dyDescent="0.2">
      <c r="A8" s="5"/>
      <c r="B8" s="174" t="s">
        <v>387</v>
      </c>
      <c r="C8" s="174"/>
      <c r="D8" s="174"/>
      <c r="E8" s="174"/>
      <c r="F8" s="174"/>
      <c r="G8" s="174"/>
      <c r="H8" s="18"/>
      <c r="I8" s="18"/>
      <c r="J8" s="24"/>
    </row>
    <row r="9" spans="1:12" ht="7.5" customHeight="1" x14ac:dyDescent="0.2">
      <c r="A9" s="5"/>
      <c r="B9" s="174"/>
      <c r="C9" s="174"/>
      <c r="D9" s="174"/>
      <c r="E9" s="174"/>
      <c r="F9" s="174"/>
      <c r="G9" s="174"/>
      <c r="H9" s="5"/>
      <c r="I9" s="5"/>
      <c r="J9" s="5"/>
    </row>
    <row r="10" spans="1:12" ht="16.2" x14ac:dyDescent="0.2">
      <c r="A10" s="217" t="s">
        <v>392</v>
      </c>
      <c r="B10" s="218"/>
      <c r="C10" s="218"/>
      <c r="D10" s="218"/>
      <c r="E10" s="218"/>
      <c r="F10" s="218"/>
      <c r="G10" s="218"/>
      <c r="H10" s="218"/>
      <c r="I10" s="218"/>
      <c r="J10" s="219"/>
    </row>
    <row r="11" spans="1:12" ht="28.8" x14ac:dyDescent="0.2">
      <c r="A11" s="61"/>
      <c r="B11" s="61" t="s">
        <v>25</v>
      </c>
      <c r="C11" s="181" t="s">
        <v>2</v>
      </c>
      <c r="D11" s="182"/>
      <c r="E11" s="182"/>
      <c r="F11" s="183"/>
      <c r="G11" s="122" t="s">
        <v>347</v>
      </c>
      <c r="H11" s="61" t="s">
        <v>199</v>
      </c>
      <c r="I11" s="61" t="s">
        <v>200</v>
      </c>
      <c r="J11" s="22" t="s">
        <v>0</v>
      </c>
    </row>
    <row r="12" spans="1:12" ht="43.2" customHeight="1" x14ac:dyDescent="0.2">
      <c r="A12" s="147" t="s">
        <v>326</v>
      </c>
      <c r="B12" s="147" t="s">
        <v>38</v>
      </c>
      <c r="C12" s="181" t="s">
        <v>389</v>
      </c>
      <c r="D12" s="182"/>
      <c r="E12" s="182"/>
      <c r="F12" s="183"/>
      <c r="G12" s="30" t="s">
        <v>255</v>
      </c>
      <c r="H12" s="61" t="s">
        <v>327</v>
      </c>
      <c r="I12" s="61" t="s">
        <v>327</v>
      </c>
      <c r="J12" s="30"/>
    </row>
    <row r="13" spans="1:12" ht="28.8" x14ac:dyDescent="0.2">
      <c r="A13" s="53" t="s">
        <v>328</v>
      </c>
      <c r="B13" s="55" t="s">
        <v>273</v>
      </c>
      <c r="C13" s="220" t="s">
        <v>274</v>
      </c>
      <c r="D13" s="221"/>
      <c r="E13" s="221"/>
      <c r="F13" s="222"/>
      <c r="G13" s="3" t="s">
        <v>275</v>
      </c>
      <c r="H13" s="61" t="s">
        <v>327</v>
      </c>
      <c r="I13" s="61" t="s">
        <v>327</v>
      </c>
      <c r="J13" s="3"/>
    </row>
    <row r="14" spans="1:12" ht="28.8" x14ac:dyDescent="0.2">
      <c r="A14" s="152" t="s">
        <v>4</v>
      </c>
      <c r="B14" s="152" t="s">
        <v>247</v>
      </c>
      <c r="C14" s="160" t="s">
        <v>271</v>
      </c>
      <c r="D14" s="185"/>
      <c r="E14" s="185"/>
      <c r="F14" s="186"/>
      <c r="G14" s="28" t="s">
        <v>372</v>
      </c>
      <c r="H14" s="61" t="s">
        <v>327</v>
      </c>
      <c r="I14" s="136" t="s">
        <v>495</v>
      </c>
      <c r="J14" s="3"/>
      <c r="K14" s="7"/>
    </row>
    <row r="15" spans="1:12" ht="43.2" x14ac:dyDescent="0.2">
      <c r="A15" s="153"/>
      <c r="B15" s="153"/>
      <c r="C15" s="175"/>
      <c r="D15" s="169"/>
      <c r="E15" s="169"/>
      <c r="F15" s="189"/>
      <c r="G15" s="3" t="s">
        <v>205</v>
      </c>
      <c r="H15" s="61" t="s">
        <v>327</v>
      </c>
      <c r="I15" s="61" t="s">
        <v>327</v>
      </c>
      <c r="J15" s="3"/>
      <c r="K15" s="7"/>
    </row>
    <row r="16" spans="1:12" ht="28.8" x14ac:dyDescent="0.2">
      <c r="A16" s="153"/>
      <c r="B16" s="153"/>
      <c r="C16" s="175"/>
      <c r="D16" s="169"/>
      <c r="E16" s="169"/>
      <c r="F16" s="189"/>
      <c r="G16" s="3" t="s">
        <v>206</v>
      </c>
      <c r="H16" s="61" t="s">
        <v>327</v>
      </c>
      <c r="I16" s="61" t="s">
        <v>327</v>
      </c>
      <c r="J16" s="3"/>
      <c r="K16" s="7"/>
    </row>
    <row r="17" spans="1:11" ht="43.2" x14ac:dyDescent="0.2">
      <c r="A17" s="153"/>
      <c r="B17" s="153"/>
      <c r="C17" s="175"/>
      <c r="D17" s="169"/>
      <c r="E17" s="169"/>
      <c r="F17" s="189"/>
      <c r="G17" s="3" t="s">
        <v>283</v>
      </c>
      <c r="H17" s="61" t="s">
        <v>327</v>
      </c>
      <c r="I17" s="61" t="s">
        <v>327</v>
      </c>
      <c r="J17" s="3"/>
      <c r="K17" s="7"/>
    </row>
    <row r="18" spans="1:11" ht="28.8" x14ac:dyDescent="0.2">
      <c r="A18" s="153"/>
      <c r="B18" s="153"/>
      <c r="C18" s="175"/>
      <c r="D18" s="169"/>
      <c r="E18" s="169"/>
      <c r="F18" s="189"/>
      <c r="G18" s="3" t="s">
        <v>181</v>
      </c>
      <c r="H18" s="61" t="s">
        <v>327</v>
      </c>
      <c r="I18" s="61" t="s">
        <v>282</v>
      </c>
      <c r="J18" s="3"/>
      <c r="K18" s="7"/>
    </row>
    <row r="19" spans="1:11" ht="43.2" x14ac:dyDescent="0.2">
      <c r="A19" s="153"/>
      <c r="B19" s="153"/>
      <c r="C19" s="175"/>
      <c r="D19" s="169"/>
      <c r="E19" s="169"/>
      <c r="F19" s="189"/>
      <c r="G19" s="3" t="s">
        <v>272</v>
      </c>
      <c r="H19" s="61" t="s">
        <v>327</v>
      </c>
      <c r="I19" s="61" t="s">
        <v>327</v>
      </c>
      <c r="J19" s="3"/>
      <c r="K19" s="7"/>
    </row>
    <row r="20" spans="1:11" ht="57.6" x14ac:dyDescent="0.2">
      <c r="A20" s="153"/>
      <c r="B20" s="153"/>
      <c r="C20" s="161"/>
      <c r="D20" s="187"/>
      <c r="E20" s="187"/>
      <c r="F20" s="188"/>
      <c r="G20" s="3" t="s">
        <v>373</v>
      </c>
      <c r="H20" s="61" t="s">
        <v>327</v>
      </c>
      <c r="I20" s="61">
        <v>7</v>
      </c>
      <c r="J20" s="3"/>
      <c r="K20" s="7"/>
    </row>
    <row r="21" spans="1:11" ht="28.8" x14ac:dyDescent="0.2">
      <c r="A21" s="153"/>
      <c r="B21" s="153"/>
      <c r="C21" s="160" t="s">
        <v>329</v>
      </c>
      <c r="D21" s="185"/>
      <c r="E21" s="185"/>
      <c r="F21" s="186"/>
      <c r="G21" s="34" t="s">
        <v>121</v>
      </c>
      <c r="H21" s="61" t="s">
        <v>288</v>
      </c>
      <c r="I21" s="61" t="s">
        <v>327</v>
      </c>
      <c r="J21" s="3"/>
      <c r="K21" s="7"/>
    </row>
    <row r="22" spans="1:11" ht="43.2" x14ac:dyDescent="0.2">
      <c r="A22" s="154"/>
      <c r="B22" s="154"/>
      <c r="C22" s="161"/>
      <c r="D22" s="187"/>
      <c r="E22" s="187"/>
      <c r="F22" s="188"/>
      <c r="G22" s="3" t="s">
        <v>144</v>
      </c>
      <c r="H22" s="61" t="s">
        <v>327</v>
      </c>
      <c r="I22" s="61" t="s">
        <v>327</v>
      </c>
      <c r="J22" s="3"/>
      <c r="K22" s="7"/>
    </row>
    <row r="23" spans="1:11" ht="28.8" x14ac:dyDescent="0.2">
      <c r="A23" s="152" t="s">
        <v>43</v>
      </c>
      <c r="B23" s="152" t="s">
        <v>391</v>
      </c>
      <c r="C23" s="160" t="s">
        <v>390</v>
      </c>
      <c r="D23" s="185"/>
      <c r="E23" s="185"/>
      <c r="F23" s="186"/>
      <c r="G23" s="3" t="s">
        <v>371</v>
      </c>
      <c r="H23" s="61" t="s">
        <v>493</v>
      </c>
      <c r="I23" s="61" t="s">
        <v>327</v>
      </c>
      <c r="J23" s="3"/>
      <c r="K23" s="7"/>
    </row>
    <row r="24" spans="1:11" ht="28.8" x14ac:dyDescent="0.2">
      <c r="A24" s="153"/>
      <c r="B24" s="153"/>
      <c r="C24" s="175"/>
      <c r="D24" s="169"/>
      <c r="E24" s="169"/>
      <c r="F24" s="189"/>
      <c r="G24" s="3" t="s">
        <v>255</v>
      </c>
      <c r="H24" s="61" t="s">
        <v>496</v>
      </c>
      <c r="I24" s="61" t="s">
        <v>327</v>
      </c>
      <c r="J24" s="3"/>
      <c r="K24" s="7"/>
    </row>
    <row r="25" spans="1:11" ht="28.8" x14ac:dyDescent="0.2">
      <c r="A25" s="153"/>
      <c r="B25" s="153"/>
      <c r="C25" s="175"/>
      <c r="D25" s="169"/>
      <c r="E25" s="169"/>
      <c r="F25" s="189"/>
      <c r="G25" s="3" t="s">
        <v>497</v>
      </c>
      <c r="H25" s="145" t="s">
        <v>238</v>
      </c>
      <c r="I25" s="145" t="s">
        <v>238</v>
      </c>
      <c r="J25" s="3"/>
      <c r="K25" s="7"/>
    </row>
    <row r="26" spans="1:11" ht="28.8" x14ac:dyDescent="0.2">
      <c r="A26" s="154"/>
      <c r="B26" s="154"/>
      <c r="C26" s="161"/>
      <c r="D26" s="187"/>
      <c r="E26" s="187"/>
      <c r="F26" s="188"/>
      <c r="G26" s="28" t="s">
        <v>270</v>
      </c>
      <c r="H26" s="33" t="s">
        <v>193</v>
      </c>
      <c r="I26" s="61" t="s">
        <v>327</v>
      </c>
      <c r="J26" s="3"/>
      <c r="K26" s="7"/>
    </row>
    <row r="27" spans="1:11" ht="28.8" x14ac:dyDescent="0.2">
      <c r="A27" s="152" t="s">
        <v>435</v>
      </c>
      <c r="B27" s="152" t="s">
        <v>54</v>
      </c>
      <c r="C27" s="160" t="s">
        <v>53</v>
      </c>
      <c r="D27" s="185"/>
      <c r="E27" s="185"/>
      <c r="F27" s="186"/>
      <c r="G27" s="3" t="s">
        <v>371</v>
      </c>
      <c r="H27" s="61" t="s">
        <v>327</v>
      </c>
      <c r="I27" s="61" t="s">
        <v>327</v>
      </c>
      <c r="J27" s="3"/>
    </row>
    <row r="28" spans="1:11" ht="28.8" x14ac:dyDescent="0.2">
      <c r="A28" s="153"/>
      <c r="B28" s="153"/>
      <c r="C28" s="175"/>
      <c r="D28" s="169"/>
      <c r="E28" s="169"/>
      <c r="F28" s="189"/>
      <c r="G28" s="3" t="s">
        <v>330</v>
      </c>
      <c r="H28" s="61" t="s">
        <v>327</v>
      </c>
      <c r="I28" s="61" t="s">
        <v>191</v>
      </c>
      <c r="J28" s="3"/>
    </row>
    <row r="29" spans="1:11" ht="72" x14ac:dyDescent="0.2">
      <c r="A29" s="154"/>
      <c r="B29" s="154"/>
      <c r="C29" s="161"/>
      <c r="D29" s="187"/>
      <c r="E29" s="187"/>
      <c r="F29" s="188"/>
      <c r="G29" s="3" t="s">
        <v>374</v>
      </c>
      <c r="H29" s="61" t="s">
        <v>327</v>
      </c>
      <c r="I29" s="61" t="s">
        <v>327</v>
      </c>
      <c r="J29" s="3"/>
    </row>
    <row r="30" spans="1:11" ht="28.8" x14ac:dyDescent="0.2">
      <c r="A30" s="152" t="s">
        <v>436</v>
      </c>
      <c r="B30" s="152" t="s">
        <v>279</v>
      </c>
      <c r="C30" s="160" t="s">
        <v>51</v>
      </c>
      <c r="D30" s="185"/>
      <c r="E30" s="185"/>
      <c r="F30" s="186"/>
      <c r="G30" s="3" t="s">
        <v>371</v>
      </c>
      <c r="H30" s="61" t="s">
        <v>493</v>
      </c>
      <c r="I30" s="61" t="s">
        <v>327</v>
      </c>
      <c r="J30" s="3"/>
    </row>
    <row r="31" spans="1:11" ht="28.8" x14ac:dyDescent="0.2">
      <c r="A31" s="153"/>
      <c r="B31" s="153"/>
      <c r="C31" s="175"/>
      <c r="D31" s="169"/>
      <c r="E31" s="169"/>
      <c r="F31" s="189"/>
      <c r="G31" s="3" t="s">
        <v>235</v>
      </c>
      <c r="H31" s="61" t="s">
        <v>327</v>
      </c>
      <c r="I31" s="61" t="s">
        <v>327</v>
      </c>
      <c r="J31" s="3"/>
    </row>
    <row r="32" spans="1:11" ht="28.8" x14ac:dyDescent="0.2">
      <c r="A32" s="154"/>
      <c r="B32" s="154"/>
      <c r="C32" s="161"/>
      <c r="D32" s="187"/>
      <c r="E32" s="187"/>
      <c r="F32" s="188"/>
      <c r="G32" s="3" t="s">
        <v>281</v>
      </c>
      <c r="H32" s="61" t="s">
        <v>327</v>
      </c>
      <c r="I32" s="61" t="s">
        <v>327</v>
      </c>
      <c r="J32" s="3"/>
    </row>
    <row r="33" spans="1:12" ht="28.8" x14ac:dyDescent="0.2">
      <c r="A33" s="152" t="s">
        <v>437</v>
      </c>
      <c r="B33" s="152" t="s">
        <v>236</v>
      </c>
      <c r="C33" s="160" t="s">
        <v>52</v>
      </c>
      <c r="D33" s="185"/>
      <c r="E33" s="185"/>
      <c r="F33" s="186"/>
      <c r="G33" s="3" t="s">
        <v>371</v>
      </c>
      <c r="H33" s="61" t="s">
        <v>327</v>
      </c>
      <c r="I33" s="61" t="s">
        <v>327</v>
      </c>
      <c r="J33" s="3"/>
    </row>
    <row r="34" spans="1:12" ht="28.8" x14ac:dyDescent="0.2">
      <c r="A34" s="153"/>
      <c r="B34" s="153"/>
      <c r="C34" s="175"/>
      <c r="D34" s="169"/>
      <c r="E34" s="169"/>
      <c r="F34" s="189"/>
      <c r="G34" s="3" t="s">
        <v>330</v>
      </c>
      <c r="H34" s="61" t="s">
        <v>327</v>
      </c>
      <c r="I34" s="61" t="s">
        <v>327</v>
      </c>
      <c r="J34" s="3"/>
    </row>
    <row r="35" spans="1:12" ht="28.8" x14ac:dyDescent="0.2">
      <c r="A35" s="153"/>
      <c r="B35" s="154"/>
      <c r="C35" s="161"/>
      <c r="D35" s="187"/>
      <c r="E35" s="187"/>
      <c r="F35" s="188"/>
      <c r="G35" s="3" t="s">
        <v>187</v>
      </c>
      <c r="H35" s="61" t="s">
        <v>327</v>
      </c>
      <c r="I35" s="61" t="s">
        <v>194</v>
      </c>
      <c r="J35" s="3"/>
    </row>
    <row r="36" spans="1:12" ht="57.6" x14ac:dyDescent="0.2">
      <c r="A36" s="154"/>
      <c r="B36" s="61" t="s">
        <v>327</v>
      </c>
      <c r="C36" s="223" t="s">
        <v>143</v>
      </c>
      <c r="D36" s="224"/>
      <c r="E36" s="224"/>
      <c r="F36" s="225"/>
      <c r="G36" s="28" t="s">
        <v>375</v>
      </c>
      <c r="H36" s="61" t="s">
        <v>327</v>
      </c>
      <c r="I36" s="61" t="s">
        <v>194</v>
      </c>
      <c r="J36" s="28"/>
    </row>
    <row r="37" spans="1:12" ht="31.5" customHeight="1" x14ac:dyDescent="0.2">
      <c r="A37" s="61" t="s">
        <v>14</v>
      </c>
      <c r="B37" s="61" t="s">
        <v>284</v>
      </c>
      <c r="C37" s="181" t="s">
        <v>276</v>
      </c>
      <c r="D37" s="182"/>
      <c r="E37" s="182"/>
      <c r="F37" s="183"/>
      <c r="G37" s="3" t="s">
        <v>371</v>
      </c>
      <c r="H37" s="61" t="s">
        <v>327</v>
      </c>
      <c r="I37" s="61" t="s">
        <v>189</v>
      </c>
      <c r="J37" s="3"/>
    </row>
    <row r="38" spans="1:12" ht="28.8" x14ac:dyDescent="0.2">
      <c r="A38" s="61" t="s">
        <v>5</v>
      </c>
      <c r="B38" s="61" t="s">
        <v>285</v>
      </c>
      <c r="C38" s="181" t="s">
        <v>277</v>
      </c>
      <c r="D38" s="182"/>
      <c r="E38" s="182"/>
      <c r="F38" s="183"/>
      <c r="G38" s="3" t="s">
        <v>371</v>
      </c>
      <c r="H38" s="61" t="s">
        <v>327</v>
      </c>
      <c r="I38" s="61" t="s">
        <v>190</v>
      </c>
      <c r="J38" s="3"/>
    </row>
    <row r="39" spans="1:12" ht="28.8" x14ac:dyDescent="0.2">
      <c r="A39" s="61" t="s">
        <v>438</v>
      </c>
      <c r="B39" s="61" t="s">
        <v>286</v>
      </c>
      <c r="C39" s="181" t="s">
        <v>287</v>
      </c>
      <c r="D39" s="182"/>
      <c r="E39" s="182"/>
      <c r="F39" s="183"/>
      <c r="G39" s="3" t="s">
        <v>371</v>
      </c>
      <c r="H39" s="61" t="s">
        <v>327</v>
      </c>
      <c r="I39" s="61" t="s">
        <v>195</v>
      </c>
      <c r="J39" s="3"/>
    </row>
    <row r="40" spans="1:12" ht="12.75" customHeight="1" x14ac:dyDescent="0.2">
      <c r="A40" s="48"/>
      <c r="B40" s="48"/>
      <c r="C40" s="48"/>
      <c r="D40" s="48"/>
      <c r="E40" s="4"/>
      <c r="F40" s="4"/>
      <c r="G40" s="4"/>
      <c r="H40" s="48"/>
      <c r="I40" s="48"/>
      <c r="J40" s="4"/>
    </row>
    <row r="41" spans="1:12" ht="12.75" customHeight="1" x14ac:dyDescent="0.2">
      <c r="A41" s="48"/>
      <c r="B41" s="48"/>
      <c r="C41" s="48"/>
      <c r="D41" s="48"/>
      <c r="E41" s="4"/>
      <c r="F41" s="4"/>
      <c r="G41" s="4"/>
      <c r="H41" s="48"/>
      <c r="I41" s="48"/>
      <c r="J41" s="4"/>
    </row>
    <row r="42" spans="1:12" ht="15.75" customHeight="1" x14ac:dyDescent="0.2">
      <c r="A42" s="5"/>
      <c r="B42" s="18" t="s">
        <v>117</v>
      </c>
      <c r="C42" s="19"/>
      <c r="D42" s="18" t="s">
        <v>145</v>
      </c>
      <c r="E42" s="41"/>
      <c r="F42" s="18" t="s">
        <v>24</v>
      </c>
      <c r="G42" s="21"/>
      <c r="H42" s="40"/>
      <c r="I42" s="40"/>
      <c r="J42" s="20"/>
      <c r="L42" s="7"/>
    </row>
    <row r="43" spans="1:12" ht="15.75" customHeight="1" x14ac:dyDescent="0.2">
      <c r="A43" s="5"/>
      <c r="B43" s="18"/>
      <c r="C43" s="19"/>
      <c r="D43" s="18"/>
      <c r="E43" s="41"/>
      <c r="F43" s="18"/>
      <c r="G43" s="21"/>
      <c r="H43" s="40"/>
      <c r="I43" s="40"/>
      <c r="J43" s="20"/>
      <c r="L43" s="7"/>
    </row>
    <row r="44" spans="1:12" ht="21.75" customHeight="1" x14ac:dyDescent="0.2">
      <c r="A44" s="217" t="s">
        <v>411</v>
      </c>
      <c r="B44" s="218"/>
      <c r="C44" s="218"/>
      <c r="D44" s="218"/>
      <c r="E44" s="218"/>
      <c r="F44" s="218"/>
      <c r="G44" s="218"/>
      <c r="H44" s="218"/>
      <c r="I44" s="218"/>
      <c r="J44" s="219"/>
    </row>
    <row r="45" spans="1:12" ht="28.8" x14ac:dyDescent="0.2">
      <c r="A45" s="61"/>
      <c r="B45" s="61" t="s">
        <v>25</v>
      </c>
      <c r="C45" s="181" t="s">
        <v>2</v>
      </c>
      <c r="D45" s="182"/>
      <c r="E45" s="182"/>
      <c r="F45" s="183"/>
      <c r="G45" s="61" t="s">
        <v>1</v>
      </c>
      <c r="H45" s="61" t="s">
        <v>199</v>
      </c>
      <c r="I45" s="61" t="s">
        <v>200</v>
      </c>
      <c r="J45" s="22" t="s">
        <v>0</v>
      </c>
    </row>
    <row r="46" spans="1:12" ht="43.2" customHeight="1" x14ac:dyDescent="0.2">
      <c r="A46" s="146" t="s">
        <v>326</v>
      </c>
      <c r="B46" s="146" t="s">
        <v>410</v>
      </c>
      <c r="C46" s="181" t="s">
        <v>389</v>
      </c>
      <c r="D46" s="182"/>
      <c r="E46" s="182"/>
      <c r="F46" s="183"/>
      <c r="G46" s="30" t="s">
        <v>255</v>
      </c>
      <c r="H46" s="42"/>
      <c r="I46" s="61"/>
      <c r="J46" s="3"/>
    </row>
    <row r="47" spans="1:12" ht="28.8" x14ac:dyDescent="0.2">
      <c r="A47" s="152" t="s">
        <v>328</v>
      </c>
      <c r="B47" s="152" t="s">
        <v>50</v>
      </c>
      <c r="C47" s="160" t="s">
        <v>393</v>
      </c>
      <c r="D47" s="185"/>
      <c r="E47" s="185"/>
      <c r="F47" s="186"/>
      <c r="G47" s="3" t="s">
        <v>370</v>
      </c>
      <c r="H47" s="61" t="s">
        <v>493</v>
      </c>
      <c r="I47" s="61" t="s">
        <v>327</v>
      </c>
      <c r="J47" s="3"/>
      <c r="K47" s="7"/>
    </row>
    <row r="48" spans="1:12" ht="28.8" x14ac:dyDescent="0.2">
      <c r="A48" s="153"/>
      <c r="B48" s="153"/>
      <c r="C48" s="175"/>
      <c r="D48" s="169"/>
      <c r="E48" s="169"/>
      <c r="F48" s="189"/>
      <c r="G48" s="3" t="s">
        <v>255</v>
      </c>
      <c r="H48" s="61" t="s">
        <v>193</v>
      </c>
      <c r="I48" s="61" t="s">
        <v>327</v>
      </c>
      <c r="J48" s="3"/>
      <c r="K48" s="7"/>
    </row>
    <row r="49" spans="1:20" ht="28.8" x14ac:dyDescent="0.2">
      <c r="A49" s="153"/>
      <c r="B49" s="153"/>
      <c r="C49" s="175"/>
      <c r="D49" s="169"/>
      <c r="E49" s="169"/>
      <c r="F49" s="189"/>
      <c r="G49" s="3" t="s">
        <v>479</v>
      </c>
      <c r="H49" s="61" t="s">
        <v>327</v>
      </c>
      <c r="I49" s="61" t="s">
        <v>327</v>
      </c>
      <c r="J49" s="3"/>
      <c r="K49" s="7"/>
    </row>
    <row r="50" spans="1:20" ht="28.8" x14ac:dyDescent="0.2">
      <c r="A50" s="154"/>
      <c r="B50" s="154"/>
      <c r="C50" s="161"/>
      <c r="D50" s="187"/>
      <c r="E50" s="187"/>
      <c r="F50" s="188"/>
      <c r="G50" s="28" t="s">
        <v>270</v>
      </c>
      <c r="H50" s="33" t="s">
        <v>493</v>
      </c>
      <c r="I50" s="61" t="s">
        <v>327</v>
      </c>
      <c r="J50" s="3"/>
      <c r="K50" s="7"/>
    </row>
    <row r="51" spans="1:20" ht="28.8" x14ac:dyDescent="0.2">
      <c r="A51" s="152" t="s">
        <v>331</v>
      </c>
      <c r="B51" s="152" t="s">
        <v>279</v>
      </c>
      <c r="C51" s="160" t="s">
        <v>51</v>
      </c>
      <c r="D51" s="185"/>
      <c r="E51" s="185"/>
      <c r="F51" s="186"/>
      <c r="G51" s="3" t="s">
        <v>370</v>
      </c>
      <c r="H51" s="61" t="s">
        <v>493</v>
      </c>
      <c r="I51" s="61" t="s">
        <v>327</v>
      </c>
      <c r="J51" s="3"/>
    </row>
    <row r="52" spans="1:20" ht="28.8" x14ac:dyDescent="0.2">
      <c r="A52" s="153"/>
      <c r="B52" s="153"/>
      <c r="C52" s="175"/>
      <c r="D52" s="169"/>
      <c r="E52" s="169"/>
      <c r="F52" s="189"/>
      <c r="G52" s="3" t="s">
        <v>235</v>
      </c>
      <c r="H52" s="61" t="s">
        <v>327</v>
      </c>
      <c r="I52" s="61" t="s">
        <v>327</v>
      </c>
      <c r="J52" s="3"/>
    </row>
    <row r="53" spans="1:20" ht="28.8" x14ac:dyDescent="0.2">
      <c r="A53" s="154"/>
      <c r="B53" s="154"/>
      <c r="C53" s="161"/>
      <c r="D53" s="187"/>
      <c r="E53" s="187"/>
      <c r="F53" s="188"/>
      <c r="G53" s="3" t="s">
        <v>281</v>
      </c>
      <c r="H53" s="61" t="s">
        <v>327</v>
      </c>
      <c r="I53" s="61" t="s">
        <v>327</v>
      </c>
      <c r="J53" s="3"/>
    </row>
    <row r="54" spans="1:20" ht="28.8" x14ac:dyDescent="0.2">
      <c r="A54" s="152" t="s">
        <v>332</v>
      </c>
      <c r="B54" s="152" t="s">
        <v>236</v>
      </c>
      <c r="C54" s="160" t="s">
        <v>52</v>
      </c>
      <c r="D54" s="185"/>
      <c r="E54" s="185"/>
      <c r="F54" s="186"/>
      <c r="G54" s="3" t="s">
        <v>370</v>
      </c>
      <c r="H54" s="61" t="s">
        <v>327</v>
      </c>
      <c r="I54" s="61" t="s">
        <v>327</v>
      </c>
      <c r="J54" s="3"/>
    </row>
    <row r="55" spans="1:20" ht="28.8" x14ac:dyDescent="0.2">
      <c r="A55" s="153"/>
      <c r="B55" s="153"/>
      <c r="C55" s="175"/>
      <c r="D55" s="169"/>
      <c r="E55" s="169"/>
      <c r="F55" s="189"/>
      <c r="G55" s="3" t="s">
        <v>330</v>
      </c>
      <c r="H55" s="61" t="s">
        <v>327</v>
      </c>
      <c r="I55" s="61" t="s">
        <v>327</v>
      </c>
      <c r="J55" s="3"/>
    </row>
    <row r="56" spans="1:20" ht="28.8" x14ac:dyDescent="0.2">
      <c r="A56" s="153"/>
      <c r="B56" s="154"/>
      <c r="C56" s="161"/>
      <c r="D56" s="187"/>
      <c r="E56" s="187"/>
      <c r="F56" s="188"/>
      <c r="G56" s="3" t="s">
        <v>187</v>
      </c>
      <c r="H56" s="61" t="s">
        <v>327</v>
      </c>
      <c r="I56" s="61" t="s">
        <v>194</v>
      </c>
      <c r="J56" s="3"/>
    </row>
    <row r="57" spans="1:20" ht="57.6" x14ac:dyDescent="0.2">
      <c r="A57" s="154"/>
      <c r="B57" s="61" t="s">
        <v>327</v>
      </c>
      <c r="C57" s="223" t="s">
        <v>143</v>
      </c>
      <c r="D57" s="224"/>
      <c r="E57" s="224"/>
      <c r="F57" s="225"/>
      <c r="G57" s="28" t="s">
        <v>375</v>
      </c>
      <c r="H57" s="61" t="s">
        <v>288</v>
      </c>
      <c r="I57" s="61" t="s">
        <v>194</v>
      </c>
      <c r="J57" s="28"/>
    </row>
    <row r="58" spans="1:20" ht="31.5" customHeight="1" x14ac:dyDescent="0.2">
      <c r="A58" s="151" t="s">
        <v>460</v>
      </c>
      <c r="B58" s="151" t="s">
        <v>284</v>
      </c>
      <c r="C58" s="181" t="s">
        <v>276</v>
      </c>
      <c r="D58" s="182"/>
      <c r="E58" s="182"/>
      <c r="F58" s="183"/>
      <c r="G58" s="3" t="s">
        <v>371</v>
      </c>
      <c r="H58" s="151" t="s">
        <v>327</v>
      </c>
      <c r="I58" s="151" t="s">
        <v>189</v>
      </c>
      <c r="J58" s="3"/>
    </row>
    <row r="59" spans="1:20" ht="28.8" x14ac:dyDescent="0.2">
      <c r="A59" s="61" t="s">
        <v>45</v>
      </c>
      <c r="B59" s="61" t="s">
        <v>285</v>
      </c>
      <c r="C59" s="181" t="s">
        <v>498</v>
      </c>
      <c r="D59" s="182"/>
      <c r="E59" s="182"/>
      <c r="F59" s="183"/>
      <c r="G59" s="3" t="s">
        <v>371</v>
      </c>
      <c r="H59" s="61" t="s">
        <v>327</v>
      </c>
      <c r="I59" s="61" t="s">
        <v>419</v>
      </c>
      <c r="J59" s="3"/>
    </row>
    <row r="60" spans="1:20" ht="28.8" x14ac:dyDescent="0.2">
      <c r="A60" s="61" t="s">
        <v>13</v>
      </c>
      <c r="B60" s="61" t="s">
        <v>286</v>
      </c>
      <c r="C60" s="181" t="s">
        <v>287</v>
      </c>
      <c r="D60" s="182"/>
      <c r="E60" s="182"/>
      <c r="F60" s="183"/>
      <c r="G60" s="3" t="s">
        <v>371</v>
      </c>
      <c r="H60" s="61" t="s">
        <v>327</v>
      </c>
      <c r="I60" s="61" t="s">
        <v>195</v>
      </c>
      <c r="J60" s="3"/>
      <c r="Q60" s="4"/>
      <c r="R60" s="4"/>
      <c r="S60" s="4"/>
      <c r="T60" s="4"/>
    </row>
    <row r="61" spans="1:20" x14ac:dyDescent="0.2">
      <c r="A61" s="48"/>
      <c r="B61" s="48"/>
      <c r="C61" s="48"/>
      <c r="D61" s="48"/>
      <c r="E61" s="48"/>
      <c r="F61" s="48"/>
      <c r="G61" s="4"/>
      <c r="H61" s="48"/>
      <c r="I61" s="48"/>
      <c r="J61" s="4"/>
      <c r="Q61" s="4"/>
      <c r="R61" s="4"/>
      <c r="S61" s="4"/>
      <c r="T61" s="4"/>
    </row>
    <row r="62" spans="1:20" ht="15" thickBot="1" x14ac:dyDescent="0.25">
      <c r="O62" s="9"/>
      <c r="P62" s="8"/>
      <c r="Q62" s="135"/>
      <c r="R62" s="135"/>
      <c r="S62" s="135"/>
      <c r="T62" s="135"/>
    </row>
    <row r="63" spans="1:20" x14ac:dyDescent="0.2">
      <c r="A63" s="162" t="s">
        <v>56</v>
      </c>
      <c r="B63" s="165"/>
      <c r="C63" s="166"/>
      <c r="D63" s="166"/>
      <c r="E63" s="166"/>
      <c r="F63" s="166"/>
      <c r="G63" s="166"/>
      <c r="H63" s="166"/>
      <c r="I63" s="166"/>
      <c r="J63" s="167"/>
      <c r="Q63" s="4"/>
      <c r="R63" s="4"/>
      <c r="S63" s="4"/>
      <c r="T63" s="4"/>
    </row>
    <row r="64" spans="1:20" x14ac:dyDescent="0.2">
      <c r="A64" s="163"/>
      <c r="B64" s="168"/>
      <c r="C64" s="169"/>
      <c r="D64" s="169"/>
      <c r="E64" s="169"/>
      <c r="F64" s="169"/>
      <c r="G64" s="169"/>
      <c r="H64" s="169"/>
      <c r="I64" s="169"/>
      <c r="J64" s="170"/>
      <c r="Q64" s="4"/>
      <c r="R64" s="4"/>
      <c r="S64" s="4"/>
      <c r="T64" s="4"/>
    </row>
    <row r="65" spans="1:10" x14ac:dyDescent="0.2">
      <c r="A65" s="163"/>
      <c r="B65" s="168"/>
      <c r="C65" s="169"/>
      <c r="D65" s="169"/>
      <c r="E65" s="169"/>
      <c r="F65" s="169"/>
      <c r="G65" s="169"/>
      <c r="H65" s="169"/>
      <c r="I65" s="169"/>
      <c r="J65" s="170"/>
    </row>
    <row r="66" spans="1:10" ht="15" thickBot="1" x14ac:dyDescent="0.25">
      <c r="A66" s="164"/>
      <c r="B66" s="171"/>
      <c r="C66" s="172"/>
      <c r="D66" s="172"/>
      <c r="E66" s="172"/>
      <c r="F66" s="172"/>
      <c r="G66" s="172"/>
      <c r="H66" s="172"/>
      <c r="I66" s="172"/>
      <c r="J66" s="173"/>
    </row>
    <row r="67" spans="1:10" x14ac:dyDescent="0.2">
      <c r="A67" s="48"/>
      <c r="B67" s="48"/>
      <c r="C67" s="48"/>
      <c r="D67" s="48"/>
      <c r="E67" s="48"/>
      <c r="F67" s="48"/>
      <c r="G67" s="48"/>
      <c r="H67" s="48"/>
      <c r="I67" s="48"/>
      <c r="J67" s="48"/>
    </row>
    <row r="68" spans="1:10" ht="15" thickBot="1" x14ac:dyDescent="0.25">
      <c r="F68" s="23"/>
      <c r="G68" s="23" t="s">
        <v>57</v>
      </c>
      <c r="H68" s="155"/>
      <c r="I68" s="155"/>
    </row>
    <row r="69" spans="1:10" ht="8.25" customHeight="1" thickTop="1" x14ac:dyDescent="0.2"/>
    <row r="70" spans="1:10" ht="36" customHeight="1" x14ac:dyDescent="0.2"/>
    <row r="71" spans="1:10" ht="36" customHeight="1" x14ac:dyDescent="0.2"/>
  </sheetData>
  <mergeCells count="46">
    <mergeCell ref="C59:F59"/>
    <mergeCell ref="C60:F60"/>
    <mergeCell ref="A51:A53"/>
    <mergeCell ref="B51:B53"/>
    <mergeCell ref="C51:F53"/>
    <mergeCell ref="A54:A57"/>
    <mergeCell ref="B54:B56"/>
    <mergeCell ref="C54:F56"/>
    <mergeCell ref="C57:F57"/>
    <mergeCell ref="C58:F58"/>
    <mergeCell ref="A23:A26"/>
    <mergeCell ref="C13:F13"/>
    <mergeCell ref="A33:A36"/>
    <mergeCell ref="A47:A50"/>
    <mergeCell ref="B47:B50"/>
    <mergeCell ref="C47:F50"/>
    <mergeCell ref="C23:F26"/>
    <mergeCell ref="C27:F29"/>
    <mergeCell ref="B27:B29"/>
    <mergeCell ref="A27:A29"/>
    <mergeCell ref="B33:B35"/>
    <mergeCell ref="C33:F35"/>
    <mergeCell ref="C36:F36"/>
    <mergeCell ref="C30:F32"/>
    <mergeCell ref="B30:B32"/>
    <mergeCell ref="B8:G9"/>
    <mergeCell ref="A1:J1"/>
    <mergeCell ref="B7:J7"/>
    <mergeCell ref="C11:F11"/>
    <mergeCell ref="A10:J10"/>
    <mergeCell ref="C12:F12"/>
    <mergeCell ref="C46:F46"/>
    <mergeCell ref="H68:I68"/>
    <mergeCell ref="A63:A66"/>
    <mergeCell ref="B63:J66"/>
    <mergeCell ref="C21:F22"/>
    <mergeCell ref="C37:F37"/>
    <mergeCell ref="A44:J44"/>
    <mergeCell ref="C38:F38"/>
    <mergeCell ref="C39:F39"/>
    <mergeCell ref="A14:A22"/>
    <mergeCell ref="B14:B22"/>
    <mergeCell ref="C14:F20"/>
    <mergeCell ref="C45:F45"/>
    <mergeCell ref="A30:A32"/>
    <mergeCell ref="B23:B26"/>
  </mergeCells>
  <phoneticPr fontId="1"/>
  <printOptions horizontalCentered="1"/>
  <pageMargins left="0.39370078740157483" right="0.39370078740157483" top="0.39370078740157483" bottom="0.39370078740157483" header="0.31496062992125984" footer="0.31496062992125984"/>
  <pageSetup paperSize="9" scale="62" firstPageNumber="32" orientation="portrait" useFirstPageNumber="1" horizontalDpi="4294967294" r:id="rId1"/>
  <headerFooter>
    <oddFooter>&amp;C&amp;P</oddFooter>
  </headerFooter>
  <rowBreaks count="1" manualBreakCount="1">
    <brk id="40" max="9" man="1"/>
  </rowBreak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J130"/>
  <sheetViews>
    <sheetView view="pageBreakPreview" topLeftCell="A82" zoomScale="80" zoomScaleNormal="100" zoomScaleSheetLayoutView="80" workbookViewId="0">
      <selection activeCell="A96" sqref="A96:A98"/>
    </sheetView>
  </sheetViews>
  <sheetFormatPr defaultRowHeight="18" customHeight="1" x14ac:dyDescent="0.2"/>
  <cols>
    <col min="1" max="1" width="26.3984375" style="108" customWidth="1"/>
    <col min="2" max="2" width="5" style="108" customWidth="1"/>
    <col min="3" max="3" width="6.69921875" style="108" customWidth="1"/>
    <col min="4" max="4" width="51.8984375" style="25" customWidth="1"/>
    <col min="5" max="256" width="9" style="25"/>
    <col min="257" max="257" width="26.3984375" style="25" customWidth="1"/>
    <col min="258" max="258" width="5" style="25" customWidth="1"/>
    <col min="259" max="259" width="6.69921875" style="25" customWidth="1"/>
    <col min="260" max="260" width="51.8984375" style="25" customWidth="1"/>
    <col min="261" max="512" width="9" style="25"/>
    <col min="513" max="513" width="26.3984375" style="25" customWidth="1"/>
    <col min="514" max="514" width="5" style="25" customWidth="1"/>
    <col min="515" max="515" width="6.69921875" style="25" customWidth="1"/>
    <col min="516" max="516" width="51.8984375" style="25" customWidth="1"/>
    <col min="517" max="768" width="9" style="25"/>
    <col min="769" max="769" width="26.3984375" style="25" customWidth="1"/>
    <col min="770" max="770" width="5" style="25" customWidth="1"/>
    <col min="771" max="771" width="6.69921875" style="25" customWidth="1"/>
    <col min="772" max="772" width="51.8984375" style="25" customWidth="1"/>
    <col min="773" max="1024" width="9" style="25"/>
    <col min="1025" max="1025" width="26.3984375" style="25" customWidth="1"/>
    <col min="1026" max="1026" width="5" style="25" customWidth="1"/>
    <col min="1027" max="1027" width="6.69921875" style="25" customWidth="1"/>
    <col min="1028" max="1028" width="51.8984375" style="25" customWidth="1"/>
    <col min="1029" max="1280" width="9" style="25"/>
    <col min="1281" max="1281" width="26.3984375" style="25" customWidth="1"/>
    <col min="1282" max="1282" width="5" style="25" customWidth="1"/>
    <col min="1283" max="1283" width="6.69921875" style="25" customWidth="1"/>
    <col min="1284" max="1284" width="51.8984375" style="25" customWidth="1"/>
    <col min="1285" max="1536" width="9" style="25"/>
    <col min="1537" max="1537" width="26.3984375" style="25" customWidth="1"/>
    <col min="1538" max="1538" width="5" style="25" customWidth="1"/>
    <col min="1539" max="1539" width="6.69921875" style="25" customWidth="1"/>
    <col min="1540" max="1540" width="51.8984375" style="25" customWidth="1"/>
    <col min="1541" max="1792" width="9" style="25"/>
    <col min="1793" max="1793" width="26.3984375" style="25" customWidth="1"/>
    <col min="1794" max="1794" width="5" style="25" customWidth="1"/>
    <col min="1795" max="1795" width="6.69921875" style="25" customWidth="1"/>
    <col min="1796" max="1796" width="51.8984375" style="25" customWidth="1"/>
    <col min="1797" max="2048" width="9" style="25"/>
    <col min="2049" max="2049" width="26.3984375" style="25" customWidth="1"/>
    <col min="2050" max="2050" width="5" style="25" customWidth="1"/>
    <col min="2051" max="2051" width="6.69921875" style="25" customWidth="1"/>
    <col min="2052" max="2052" width="51.8984375" style="25" customWidth="1"/>
    <col min="2053" max="2304" width="9" style="25"/>
    <col min="2305" max="2305" width="26.3984375" style="25" customWidth="1"/>
    <col min="2306" max="2306" width="5" style="25" customWidth="1"/>
    <col min="2307" max="2307" width="6.69921875" style="25" customWidth="1"/>
    <col min="2308" max="2308" width="51.8984375" style="25" customWidth="1"/>
    <col min="2309" max="2560" width="9" style="25"/>
    <col min="2561" max="2561" width="26.3984375" style="25" customWidth="1"/>
    <col min="2562" max="2562" width="5" style="25" customWidth="1"/>
    <col min="2563" max="2563" width="6.69921875" style="25" customWidth="1"/>
    <col min="2564" max="2564" width="51.8984375" style="25" customWidth="1"/>
    <col min="2565" max="2816" width="9" style="25"/>
    <col min="2817" max="2817" width="26.3984375" style="25" customWidth="1"/>
    <col min="2818" max="2818" width="5" style="25" customWidth="1"/>
    <col min="2819" max="2819" width="6.69921875" style="25" customWidth="1"/>
    <col min="2820" max="2820" width="51.8984375" style="25" customWidth="1"/>
    <col min="2821" max="3072" width="9" style="25"/>
    <col min="3073" max="3073" width="26.3984375" style="25" customWidth="1"/>
    <col min="3074" max="3074" width="5" style="25" customWidth="1"/>
    <col min="3075" max="3075" width="6.69921875" style="25" customWidth="1"/>
    <col min="3076" max="3076" width="51.8984375" style="25" customWidth="1"/>
    <col min="3077" max="3328" width="9" style="25"/>
    <col min="3329" max="3329" width="26.3984375" style="25" customWidth="1"/>
    <col min="3330" max="3330" width="5" style="25" customWidth="1"/>
    <col min="3331" max="3331" width="6.69921875" style="25" customWidth="1"/>
    <col min="3332" max="3332" width="51.8984375" style="25" customWidth="1"/>
    <col min="3333" max="3584" width="9" style="25"/>
    <col min="3585" max="3585" width="26.3984375" style="25" customWidth="1"/>
    <col min="3586" max="3586" width="5" style="25" customWidth="1"/>
    <col min="3587" max="3587" width="6.69921875" style="25" customWidth="1"/>
    <col min="3588" max="3588" width="51.8984375" style="25" customWidth="1"/>
    <col min="3589" max="3840" width="9" style="25"/>
    <col min="3841" max="3841" width="26.3984375" style="25" customWidth="1"/>
    <col min="3842" max="3842" width="5" style="25" customWidth="1"/>
    <col min="3843" max="3843" width="6.69921875" style="25" customWidth="1"/>
    <col min="3844" max="3844" width="51.8984375" style="25" customWidth="1"/>
    <col min="3845" max="4096" width="9" style="25"/>
    <col min="4097" max="4097" width="26.3984375" style="25" customWidth="1"/>
    <col min="4098" max="4098" width="5" style="25" customWidth="1"/>
    <col min="4099" max="4099" width="6.69921875" style="25" customWidth="1"/>
    <col min="4100" max="4100" width="51.8984375" style="25" customWidth="1"/>
    <col min="4101" max="4352" width="9" style="25"/>
    <col min="4353" max="4353" width="26.3984375" style="25" customWidth="1"/>
    <col min="4354" max="4354" width="5" style="25" customWidth="1"/>
    <col min="4355" max="4355" width="6.69921875" style="25" customWidth="1"/>
    <col min="4356" max="4356" width="51.8984375" style="25" customWidth="1"/>
    <col min="4357" max="4608" width="9" style="25"/>
    <col min="4609" max="4609" width="26.3984375" style="25" customWidth="1"/>
    <col min="4610" max="4610" width="5" style="25" customWidth="1"/>
    <col min="4611" max="4611" width="6.69921875" style="25" customWidth="1"/>
    <col min="4612" max="4612" width="51.8984375" style="25" customWidth="1"/>
    <col min="4613" max="4864" width="9" style="25"/>
    <col min="4865" max="4865" width="26.3984375" style="25" customWidth="1"/>
    <col min="4866" max="4866" width="5" style="25" customWidth="1"/>
    <col min="4867" max="4867" width="6.69921875" style="25" customWidth="1"/>
    <col min="4868" max="4868" width="51.8984375" style="25" customWidth="1"/>
    <col min="4869" max="5120" width="9" style="25"/>
    <col min="5121" max="5121" width="26.3984375" style="25" customWidth="1"/>
    <col min="5122" max="5122" width="5" style="25" customWidth="1"/>
    <col min="5123" max="5123" width="6.69921875" style="25" customWidth="1"/>
    <col min="5124" max="5124" width="51.8984375" style="25" customWidth="1"/>
    <col min="5125" max="5376" width="9" style="25"/>
    <col min="5377" max="5377" width="26.3984375" style="25" customWidth="1"/>
    <col min="5378" max="5378" width="5" style="25" customWidth="1"/>
    <col min="5379" max="5379" width="6.69921875" style="25" customWidth="1"/>
    <col min="5380" max="5380" width="51.8984375" style="25" customWidth="1"/>
    <col min="5381" max="5632" width="9" style="25"/>
    <col min="5633" max="5633" width="26.3984375" style="25" customWidth="1"/>
    <col min="5634" max="5634" width="5" style="25" customWidth="1"/>
    <col min="5635" max="5635" width="6.69921875" style="25" customWidth="1"/>
    <col min="5636" max="5636" width="51.8984375" style="25" customWidth="1"/>
    <col min="5637" max="5888" width="9" style="25"/>
    <col min="5889" max="5889" width="26.3984375" style="25" customWidth="1"/>
    <col min="5890" max="5890" width="5" style="25" customWidth="1"/>
    <col min="5891" max="5891" width="6.69921875" style="25" customWidth="1"/>
    <col min="5892" max="5892" width="51.8984375" style="25" customWidth="1"/>
    <col min="5893" max="6144" width="9" style="25"/>
    <col min="6145" max="6145" width="26.3984375" style="25" customWidth="1"/>
    <col min="6146" max="6146" width="5" style="25" customWidth="1"/>
    <col min="6147" max="6147" width="6.69921875" style="25" customWidth="1"/>
    <col min="6148" max="6148" width="51.8984375" style="25" customWidth="1"/>
    <col min="6149" max="6400" width="9" style="25"/>
    <col min="6401" max="6401" width="26.3984375" style="25" customWidth="1"/>
    <col min="6402" max="6402" width="5" style="25" customWidth="1"/>
    <col min="6403" max="6403" width="6.69921875" style="25" customWidth="1"/>
    <col min="6404" max="6404" width="51.8984375" style="25" customWidth="1"/>
    <col min="6405" max="6656" width="9" style="25"/>
    <col min="6657" max="6657" width="26.3984375" style="25" customWidth="1"/>
    <col min="6658" max="6658" width="5" style="25" customWidth="1"/>
    <col min="6659" max="6659" width="6.69921875" style="25" customWidth="1"/>
    <col min="6660" max="6660" width="51.8984375" style="25" customWidth="1"/>
    <col min="6661" max="6912" width="9" style="25"/>
    <col min="6913" max="6913" width="26.3984375" style="25" customWidth="1"/>
    <col min="6914" max="6914" width="5" style="25" customWidth="1"/>
    <col min="6915" max="6915" width="6.69921875" style="25" customWidth="1"/>
    <col min="6916" max="6916" width="51.8984375" style="25" customWidth="1"/>
    <col min="6917" max="7168" width="9" style="25"/>
    <col min="7169" max="7169" width="26.3984375" style="25" customWidth="1"/>
    <col min="7170" max="7170" width="5" style="25" customWidth="1"/>
    <col min="7171" max="7171" width="6.69921875" style="25" customWidth="1"/>
    <col min="7172" max="7172" width="51.8984375" style="25" customWidth="1"/>
    <col min="7173" max="7424" width="9" style="25"/>
    <col min="7425" max="7425" width="26.3984375" style="25" customWidth="1"/>
    <col min="7426" max="7426" width="5" style="25" customWidth="1"/>
    <col min="7427" max="7427" width="6.69921875" style="25" customWidth="1"/>
    <col min="7428" max="7428" width="51.8984375" style="25" customWidth="1"/>
    <col min="7429" max="7680" width="9" style="25"/>
    <col min="7681" max="7681" width="26.3984375" style="25" customWidth="1"/>
    <col min="7682" max="7682" width="5" style="25" customWidth="1"/>
    <col min="7683" max="7683" width="6.69921875" style="25" customWidth="1"/>
    <col min="7684" max="7684" width="51.8984375" style="25" customWidth="1"/>
    <col min="7685" max="7936" width="9" style="25"/>
    <col min="7937" max="7937" width="26.3984375" style="25" customWidth="1"/>
    <col min="7938" max="7938" width="5" style="25" customWidth="1"/>
    <col min="7939" max="7939" width="6.69921875" style="25" customWidth="1"/>
    <col min="7940" max="7940" width="51.8984375" style="25" customWidth="1"/>
    <col min="7941" max="8192" width="9" style="25"/>
    <col min="8193" max="8193" width="26.3984375" style="25" customWidth="1"/>
    <col min="8194" max="8194" width="5" style="25" customWidth="1"/>
    <col min="8195" max="8195" width="6.69921875" style="25" customWidth="1"/>
    <col min="8196" max="8196" width="51.8984375" style="25" customWidth="1"/>
    <col min="8197" max="8448" width="9" style="25"/>
    <col min="8449" max="8449" width="26.3984375" style="25" customWidth="1"/>
    <col min="8450" max="8450" width="5" style="25" customWidth="1"/>
    <col min="8451" max="8451" width="6.69921875" style="25" customWidth="1"/>
    <col min="8452" max="8452" width="51.8984375" style="25" customWidth="1"/>
    <col min="8453" max="8704" width="9" style="25"/>
    <col min="8705" max="8705" width="26.3984375" style="25" customWidth="1"/>
    <col min="8706" max="8706" width="5" style="25" customWidth="1"/>
    <col min="8707" max="8707" width="6.69921875" style="25" customWidth="1"/>
    <col min="8708" max="8708" width="51.8984375" style="25" customWidth="1"/>
    <col min="8709" max="8960" width="9" style="25"/>
    <col min="8961" max="8961" width="26.3984375" style="25" customWidth="1"/>
    <col min="8962" max="8962" width="5" style="25" customWidth="1"/>
    <col min="8963" max="8963" width="6.69921875" style="25" customWidth="1"/>
    <col min="8964" max="8964" width="51.8984375" style="25" customWidth="1"/>
    <col min="8965" max="9216" width="9" style="25"/>
    <col min="9217" max="9217" width="26.3984375" style="25" customWidth="1"/>
    <col min="9218" max="9218" width="5" style="25" customWidth="1"/>
    <col min="9219" max="9219" width="6.69921875" style="25" customWidth="1"/>
    <col min="9220" max="9220" width="51.8984375" style="25" customWidth="1"/>
    <col min="9221" max="9472" width="9" style="25"/>
    <col min="9473" max="9473" width="26.3984375" style="25" customWidth="1"/>
    <col min="9474" max="9474" width="5" style="25" customWidth="1"/>
    <col min="9475" max="9475" width="6.69921875" style="25" customWidth="1"/>
    <col min="9476" max="9476" width="51.8984375" style="25" customWidth="1"/>
    <col min="9477" max="9728" width="9" style="25"/>
    <col min="9729" max="9729" width="26.3984375" style="25" customWidth="1"/>
    <col min="9730" max="9730" width="5" style="25" customWidth="1"/>
    <col min="9731" max="9731" width="6.69921875" style="25" customWidth="1"/>
    <col min="9732" max="9732" width="51.8984375" style="25" customWidth="1"/>
    <col min="9733" max="9984" width="9" style="25"/>
    <col min="9985" max="9985" width="26.3984375" style="25" customWidth="1"/>
    <col min="9986" max="9986" width="5" style="25" customWidth="1"/>
    <col min="9987" max="9987" width="6.69921875" style="25" customWidth="1"/>
    <col min="9988" max="9988" width="51.8984375" style="25" customWidth="1"/>
    <col min="9989" max="10240" width="9" style="25"/>
    <col min="10241" max="10241" width="26.3984375" style="25" customWidth="1"/>
    <col min="10242" max="10242" width="5" style="25" customWidth="1"/>
    <col min="10243" max="10243" width="6.69921875" style="25" customWidth="1"/>
    <col min="10244" max="10244" width="51.8984375" style="25" customWidth="1"/>
    <col min="10245" max="10496" width="9" style="25"/>
    <col min="10497" max="10497" width="26.3984375" style="25" customWidth="1"/>
    <col min="10498" max="10498" width="5" style="25" customWidth="1"/>
    <col min="10499" max="10499" width="6.69921875" style="25" customWidth="1"/>
    <col min="10500" max="10500" width="51.8984375" style="25" customWidth="1"/>
    <col min="10501" max="10752" width="9" style="25"/>
    <col min="10753" max="10753" width="26.3984375" style="25" customWidth="1"/>
    <col min="10754" max="10754" width="5" style="25" customWidth="1"/>
    <col min="10755" max="10755" width="6.69921875" style="25" customWidth="1"/>
    <col min="10756" max="10756" width="51.8984375" style="25" customWidth="1"/>
    <col min="10757" max="11008" width="9" style="25"/>
    <col min="11009" max="11009" width="26.3984375" style="25" customWidth="1"/>
    <col min="11010" max="11010" width="5" style="25" customWidth="1"/>
    <col min="11011" max="11011" width="6.69921875" style="25" customWidth="1"/>
    <col min="11012" max="11012" width="51.8984375" style="25" customWidth="1"/>
    <col min="11013" max="11264" width="9" style="25"/>
    <col min="11265" max="11265" width="26.3984375" style="25" customWidth="1"/>
    <col min="11266" max="11266" width="5" style="25" customWidth="1"/>
    <col min="11267" max="11267" width="6.69921875" style="25" customWidth="1"/>
    <col min="11268" max="11268" width="51.8984375" style="25" customWidth="1"/>
    <col min="11269" max="11520" width="9" style="25"/>
    <col min="11521" max="11521" width="26.3984375" style="25" customWidth="1"/>
    <col min="11522" max="11522" width="5" style="25" customWidth="1"/>
    <col min="11523" max="11523" width="6.69921875" style="25" customWidth="1"/>
    <col min="11524" max="11524" width="51.8984375" style="25" customWidth="1"/>
    <col min="11525" max="11776" width="9" style="25"/>
    <col min="11777" max="11777" width="26.3984375" style="25" customWidth="1"/>
    <col min="11778" max="11778" width="5" style="25" customWidth="1"/>
    <col min="11779" max="11779" width="6.69921875" style="25" customWidth="1"/>
    <col min="11780" max="11780" width="51.8984375" style="25" customWidth="1"/>
    <col min="11781" max="12032" width="9" style="25"/>
    <col min="12033" max="12033" width="26.3984375" style="25" customWidth="1"/>
    <col min="12034" max="12034" width="5" style="25" customWidth="1"/>
    <col min="12035" max="12035" width="6.69921875" style="25" customWidth="1"/>
    <col min="12036" max="12036" width="51.8984375" style="25" customWidth="1"/>
    <col min="12037" max="12288" width="9" style="25"/>
    <col min="12289" max="12289" width="26.3984375" style="25" customWidth="1"/>
    <col min="12290" max="12290" width="5" style="25" customWidth="1"/>
    <col min="12291" max="12291" width="6.69921875" style="25" customWidth="1"/>
    <col min="12292" max="12292" width="51.8984375" style="25" customWidth="1"/>
    <col min="12293" max="12544" width="9" style="25"/>
    <col min="12545" max="12545" width="26.3984375" style="25" customWidth="1"/>
    <col min="12546" max="12546" width="5" style="25" customWidth="1"/>
    <col min="12547" max="12547" width="6.69921875" style="25" customWidth="1"/>
    <col min="12548" max="12548" width="51.8984375" style="25" customWidth="1"/>
    <col min="12549" max="12800" width="9" style="25"/>
    <col min="12801" max="12801" width="26.3984375" style="25" customWidth="1"/>
    <col min="12802" max="12802" width="5" style="25" customWidth="1"/>
    <col min="12803" max="12803" width="6.69921875" style="25" customWidth="1"/>
    <col min="12804" max="12804" width="51.8984375" style="25" customWidth="1"/>
    <col min="12805" max="13056" width="9" style="25"/>
    <col min="13057" max="13057" width="26.3984375" style="25" customWidth="1"/>
    <col min="13058" max="13058" width="5" style="25" customWidth="1"/>
    <col min="13059" max="13059" width="6.69921875" style="25" customWidth="1"/>
    <col min="13060" max="13060" width="51.8984375" style="25" customWidth="1"/>
    <col min="13061" max="13312" width="9" style="25"/>
    <col min="13313" max="13313" width="26.3984375" style="25" customWidth="1"/>
    <col min="13314" max="13314" width="5" style="25" customWidth="1"/>
    <col min="13315" max="13315" width="6.69921875" style="25" customWidth="1"/>
    <col min="13316" max="13316" width="51.8984375" style="25" customWidth="1"/>
    <col min="13317" max="13568" width="9" style="25"/>
    <col min="13569" max="13569" width="26.3984375" style="25" customWidth="1"/>
    <col min="13570" max="13570" width="5" style="25" customWidth="1"/>
    <col min="13571" max="13571" width="6.69921875" style="25" customWidth="1"/>
    <col min="13572" max="13572" width="51.8984375" style="25" customWidth="1"/>
    <col min="13573" max="13824" width="9" style="25"/>
    <col min="13825" max="13825" width="26.3984375" style="25" customWidth="1"/>
    <col min="13826" max="13826" width="5" style="25" customWidth="1"/>
    <col min="13827" max="13827" width="6.69921875" style="25" customWidth="1"/>
    <col min="13828" max="13828" width="51.8984375" style="25" customWidth="1"/>
    <col min="13829" max="14080" width="9" style="25"/>
    <col min="14081" max="14081" width="26.3984375" style="25" customWidth="1"/>
    <col min="14082" max="14082" width="5" style="25" customWidth="1"/>
    <col min="14083" max="14083" width="6.69921875" style="25" customWidth="1"/>
    <col min="14084" max="14084" width="51.8984375" style="25" customWidth="1"/>
    <col min="14085" max="14336" width="9" style="25"/>
    <col min="14337" max="14337" width="26.3984375" style="25" customWidth="1"/>
    <col min="14338" max="14338" width="5" style="25" customWidth="1"/>
    <col min="14339" max="14339" width="6.69921875" style="25" customWidth="1"/>
    <col min="14340" max="14340" width="51.8984375" style="25" customWidth="1"/>
    <col min="14341" max="14592" width="9" style="25"/>
    <col min="14593" max="14593" width="26.3984375" style="25" customWidth="1"/>
    <col min="14594" max="14594" width="5" style="25" customWidth="1"/>
    <col min="14595" max="14595" width="6.69921875" style="25" customWidth="1"/>
    <col min="14596" max="14596" width="51.8984375" style="25" customWidth="1"/>
    <col min="14597" max="14848" width="9" style="25"/>
    <col min="14849" max="14849" width="26.3984375" style="25" customWidth="1"/>
    <col min="14850" max="14850" width="5" style="25" customWidth="1"/>
    <col min="14851" max="14851" width="6.69921875" style="25" customWidth="1"/>
    <col min="14852" max="14852" width="51.8984375" style="25" customWidth="1"/>
    <col min="14853" max="15104" width="9" style="25"/>
    <col min="15105" max="15105" width="26.3984375" style="25" customWidth="1"/>
    <col min="15106" max="15106" width="5" style="25" customWidth="1"/>
    <col min="15107" max="15107" width="6.69921875" style="25" customWidth="1"/>
    <col min="15108" max="15108" width="51.8984375" style="25" customWidth="1"/>
    <col min="15109" max="15360" width="9" style="25"/>
    <col min="15361" max="15361" width="26.3984375" style="25" customWidth="1"/>
    <col min="15362" max="15362" width="5" style="25" customWidth="1"/>
    <col min="15363" max="15363" width="6.69921875" style="25" customWidth="1"/>
    <col min="15364" max="15364" width="51.8984375" style="25" customWidth="1"/>
    <col min="15365" max="15616" width="9" style="25"/>
    <col min="15617" max="15617" width="26.3984375" style="25" customWidth="1"/>
    <col min="15618" max="15618" width="5" style="25" customWidth="1"/>
    <col min="15619" max="15619" width="6.69921875" style="25" customWidth="1"/>
    <col min="15620" max="15620" width="51.8984375" style="25" customWidth="1"/>
    <col min="15621" max="15872" width="9" style="25"/>
    <col min="15873" max="15873" width="26.3984375" style="25" customWidth="1"/>
    <col min="15874" max="15874" width="5" style="25" customWidth="1"/>
    <col min="15875" max="15875" width="6.69921875" style="25" customWidth="1"/>
    <col min="15876" max="15876" width="51.8984375" style="25" customWidth="1"/>
    <col min="15877" max="16128" width="9" style="25"/>
    <col min="16129" max="16129" width="26.3984375" style="25" customWidth="1"/>
    <col min="16130" max="16130" width="5" style="25" customWidth="1"/>
    <col min="16131" max="16131" width="6.69921875" style="25" customWidth="1"/>
    <col min="16132" max="16132" width="51.8984375" style="25" customWidth="1"/>
    <col min="16133" max="16384" width="9" style="25"/>
  </cols>
  <sheetData>
    <row r="1" spans="1:4" ht="16.2" x14ac:dyDescent="0.2">
      <c r="A1" s="252" t="s">
        <v>431</v>
      </c>
      <c r="B1" s="252"/>
      <c r="C1" s="252"/>
      <c r="D1" s="252"/>
    </row>
    <row r="2" spans="1:4" ht="16.2" x14ac:dyDescent="0.2">
      <c r="A2" s="75" t="s">
        <v>58</v>
      </c>
      <c r="B2" s="253"/>
      <c r="C2" s="254"/>
      <c r="D2" s="255"/>
    </row>
    <row r="3" spans="1:4" ht="15.75" customHeight="1" x14ac:dyDescent="0.2">
      <c r="A3" s="75" t="s">
        <v>117</v>
      </c>
      <c r="B3" s="253"/>
      <c r="C3" s="254"/>
      <c r="D3" s="255"/>
    </row>
    <row r="4" spans="1:4" ht="144.75" customHeight="1" thickBot="1" x14ac:dyDescent="0.25">
      <c r="A4" s="256" t="s">
        <v>452</v>
      </c>
      <c r="B4" s="256"/>
      <c r="C4" s="256"/>
      <c r="D4" s="256"/>
    </row>
    <row r="5" spans="1:4" ht="22.2" thickBot="1" x14ac:dyDescent="0.25">
      <c r="A5" s="76" t="s">
        <v>59</v>
      </c>
      <c r="B5" s="77" t="s">
        <v>60</v>
      </c>
      <c r="C5" s="78" t="s">
        <v>61</v>
      </c>
      <c r="D5" s="79" t="s">
        <v>62</v>
      </c>
    </row>
    <row r="6" spans="1:4" ht="15" thickBot="1" x14ac:dyDescent="0.25">
      <c r="A6" s="243" t="s">
        <v>63</v>
      </c>
      <c r="B6" s="244"/>
      <c r="C6" s="244"/>
      <c r="D6" s="245"/>
    </row>
    <row r="7" spans="1:4" ht="14.4" x14ac:dyDescent="0.2">
      <c r="A7" s="227" t="s">
        <v>64</v>
      </c>
      <c r="B7" s="230"/>
      <c r="C7" s="80"/>
      <c r="D7" s="81" t="s">
        <v>65</v>
      </c>
    </row>
    <row r="8" spans="1:4" ht="14.4" x14ac:dyDescent="0.2">
      <c r="A8" s="227"/>
      <c r="B8" s="230"/>
      <c r="C8" s="82"/>
      <c r="D8" s="83" t="s">
        <v>146</v>
      </c>
    </row>
    <row r="9" spans="1:4" ht="14.4" x14ac:dyDescent="0.2">
      <c r="A9" s="227"/>
      <c r="B9" s="230"/>
      <c r="C9" s="82"/>
      <c r="D9" s="26" t="s">
        <v>66</v>
      </c>
    </row>
    <row r="10" spans="1:4" ht="14.4" x14ac:dyDescent="0.2">
      <c r="A10" s="227"/>
      <c r="B10" s="230"/>
      <c r="C10" s="82"/>
      <c r="D10" s="83" t="s">
        <v>147</v>
      </c>
    </row>
    <row r="11" spans="1:4" ht="14.4" x14ac:dyDescent="0.2">
      <c r="A11" s="227"/>
      <c r="B11" s="230"/>
      <c r="C11" s="82"/>
      <c r="D11" s="83" t="s">
        <v>69</v>
      </c>
    </row>
    <row r="12" spans="1:4" ht="14.4" x14ac:dyDescent="0.2">
      <c r="A12" s="227"/>
      <c r="B12" s="230"/>
      <c r="C12" s="82"/>
      <c r="D12" s="83" t="s">
        <v>70</v>
      </c>
    </row>
    <row r="13" spans="1:4" ht="14.4" x14ac:dyDescent="0.2">
      <c r="A13" s="227"/>
      <c r="B13" s="230"/>
      <c r="C13" s="82"/>
      <c r="D13" s="83" t="s">
        <v>148</v>
      </c>
    </row>
    <row r="14" spans="1:4" ht="14.4" x14ac:dyDescent="0.2">
      <c r="A14" s="228"/>
      <c r="B14" s="231"/>
      <c r="C14" s="82"/>
      <c r="D14" s="83" t="s">
        <v>67</v>
      </c>
    </row>
    <row r="15" spans="1:4" ht="14.4" x14ac:dyDescent="0.2">
      <c r="A15" s="226" t="s">
        <v>68</v>
      </c>
      <c r="B15" s="229"/>
      <c r="C15" s="82"/>
      <c r="D15" s="83" t="s">
        <v>335</v>
      </c>
    </row>
    <row r="16" spans="1:4" ht="14.4" x14ac:dyDescent="0.2">
      <c r="A16" s="227"/>
      <c r="B16" s="230"/>
      <c r="C16" s="82"/>
      <c r="D16" s="83" t="s">
        <v>207</v>
      </c>
    </row>
    <row r="17" spans="1:4" ht="14.25" customHeight="1" thickBot="1" x14ac:dyDescent="0.25">
      <c r="A17" s="242"/>
      <c r="B17" s="234"/>
      <c r="C17" s="84"/>
      <c r="D17" s="85" t="s">
        <v>67</v>
      </c>
    </row>
    <row r="18" spans="1:4" ht="15" thickBot="1" x14ac:dyDescent="0.25">
      <c r="A18" s="243" t="s">
        <v>71</v>
      </c>
      <c r="B18" s="244"/>
      <c r="C18" s="244"/>
      <c r="D18" s="245"/>
    </row>
    <row r="19" spans="1:4" ht="14.4" x14ac:dyDescent="0.2">
      <c r="A19" s="227" t="s">
        <v>72</v>
      </c>
      <c r="B19" s="230"/>
      <c r="C19" s="80"/>
      <c r="D19" s="81" t="s">
        <v>149</v>
      </c>
    </row>
    <row r="20" spans="1:4" ht="14.4" x14ac:dyDescent="0.2">
      <c r="A20" s="227"/>
      <c r="B20" s="230"/>
      <c r="C20" s="82"/>
      <c r="D20" s="83" t="s">
        <v>150</v>
      </c>
    </row>
    <row r="21" spans="1:4" ht="14.4" x14ac:dyDescent="0.2">
      <c r="A21" s="227"/>
      <c r="B21" s="230"/>
      <c r="C21" s="82"/>
      <c r="D21" s="83" t="s">
        <v>73</v>
      </c>
    </row>
    <row r="22" spans="1:4" ht="14.4" x14ac:dyDescent="0.2">
      <c r="A22" s="227"/>
      <c r="B22" s="230"/>
      <c r="C22" s="82"/>
      <c r="D22" s="83" t="s">
        <v>208</v>
      </c>
    </row>
    <row r="23" spans="1:4" ht="14.4" x14ac:dyDescent="0.2">
      <c r="A23" s="228"/>
      <c r="B23" s="231"/>
      <c r="C23" s="82"/>
      <c r="D23" s="83" t="s">
        <v>67</v>
      </c>
    </row>
    <row r="24" spans="1:4" ht="14.4" x14ac:dyDescent="0.2">
      <c r="A24" s="226" t="s">
        <v>151</v>
      </c>
      <c r="B24" s="229"/>
      <c r="C24" s="86"/>
      <c r="D24" s="87" t="s">
        <v>152</v>
      </c>
    </row>
    <row r="25" spans="1:4" ht="14.25" customHeight="1" x14ac:dyDescent="0.2">
      <c r="A25" s="227"/>
      <c r="B25" s="230"/>
      <c r="C25" s="86"/>
      <c r="D25" s="83" t="s">
        <v>74</v>
      </c>
    </row>
    <row r="26" spans="1:4" ht="14.4" x14ac:dyDescent="0.2">
      <c r="A26" s="228"/>
      <c r="B26" s="231"/>
      <c r="C26" s="86"/>
      <c r="D26" s="83" t="s">
        <v>67</v>
      </c>
    </row>
    <row r="27" spans="1:4" ht="14.4" x14ac:dyDescent="0.2">
      <c r="A27" s="226" t="s">
        <v>75</v>
      </c>
      <c r="B27" s="229"/>
      <c r="C27" s="82"/>
      <c r="D27" s="83" t="s">
        <v>209</v>
      </c>
    </row>
    <row r="28" spans="1:4" ht="14.4" x14ac:dyDescent="0.2">
      <c r="A28" s="227"/>
      <c r="B28" s="230"/>
      <c r="C28" s="82"/>
      <c r="D28" s="83" t="s">
        <v>210</v>
      </c>
    </row>
    <row r="29" spans="1:4" ht="14.4" x14ac:dyDescent="0.2">
      <c r="A29" s="227"/>
      <c r="B29" s="230"/>
      <c r="C29" s="82"/>
      <c r="D29" s="83" t="s">
        <v>336</v>
      </c>
    </row>
    <row r="30" spans="1:4" ht="14.4" x14ac:dyDescent="0.2">
      <c r="A30" s="228"/>
      <c r="B30" s="231"/>
      <c r="C30" s="82"/>
      <c r="D30" s="83" t="s">
        <v>67</v>
      </c>
    </row>
    <row r="31" spans="1:4" ht="14.4" x14ac:dyDescent="0.2">
      <c r="A31" s="226" t="s">
        <v>76</v>
      </c>
      <c r="B31" s="229"/>
      <c r="C31" s="86"/>
      <c r="D31" s="83" t="s">
        <v>337</v>
      </c>
    </row>
    <row r="32" spans="1:4" ht="15" customHeight="1" x14ac:dyDescent="0.2">
      <c r="A32" s="227"/>
      <c r="B32" s="230"/>
      <c r="C32" s="88"/>
      <c r="D32" s="89" t="s">
        <v>153</v>
      </c>
    </row>
    <row r="33" spans="1:5" ht="15" thickBot="1" x14ac:dyDescent="0.25">
      <c r="A33" s="242"/>
      <c r="B33" s="234"/>
      <c r="C33" s="90"/>
      <c r="D33" s="85" t="s">
        <v>67</v>
      </c>
    </row>
    <row r="34" spans="1:5" ht="15" thickBot="1" x14ac:dyDescent="0.25">
      <c r="A34" s="243" t="s">
        <v>77</v>
      </c>
      <c r="B34" s="244"/>
      <c r="C34" s="244"/>
      <c r="D34" s="245"/>
    </row>
    <row r="35" spans="1:5" ht="14.4" x14ac:dyDescent="0.2">
      <c r="A35" s="235" t="s">
        <v>78</v>
      </c>
      <c r="B35" s="236"/>
      <c r="C35" s="91"/>
      <c r="D35" s="92" t="s">
        <v>79</v>
      </c>
    </row>
    <row r="36" spans="1:5" ht="14.4" x14ac:dyDescent="0.2">
      <c r="A36" s="227"/>
      <c r="B36" s="230"/>
      <c r="C36" s="80"/>
      <c r="D36" s="81" t="s">
        <v>80</v>
      </c>
    </row>
    <row r="37" spans="1:5" ht="14.4" x14ac:dyDescent="0.2">
      <c r="A37" s="227"/>
      <c r="B37" s="230"/>
      <c r="C37" s="82"/>
      <c r="D37" s="83" t="s">
        <v>81</v>
      </c>
    </row>
    <row r="38" spans="1:5" ht="14.4" x14ac:dyDescent="0.2">
      <c r="A38" s="227"/>
      <c r="B38" s="230"/>
      <c r="C38" s="82"/>
      <c r="D38" s="83" t="s">
        <v>82</v>
      </c>
    </row>
    <row r="39" spans="1:5" ht="14.4" x14ac:dyDescent="0.2">
      <c r="A39" s="227"/>
      <c r="B39" s="230"/>
      <c r="C39" s="82"/>
      <c r="D39" s="83" t="s">
        <v>154</v>
      </c>
    </row>
    <row r="40" spans="1:5" ht="14.4" x14ac:dyDescent="0.2">
      <c r="A40" s="227"/>
      <c r="B40" s="230"/>
      <c r="C40" s="82"/>
      <c r="D40" s="83" t="s">
        <v>83</v>
      </c>
    </row>
    <row r="41" spans="1:5" ht="14.4" x14ac:dyDescent="0.2">
      <c r="A41" s="227"/>
      <c r="B41" s="230"/>
      <c r="C41" s="82"/>
      <c r="D41" s="83" t="s">
        <v>212</v>
      </c>
    </row>
    <row r="42" spans="1:5" ht="14.25" customHeight="1" x14ac:dyDescent="0.2">
      <c r="A42" s="227"/>
      <c r="B42" s="230"/>
      <c r="C42" s="82"/>
      <c r="D42" s="83" t="s">
        <v>84</v>
      </c>
    </row>
    <row r="43" spans="1:5" ht="14.4" x14ac:dyDescent="0.2">
      <c r="A43" s="228"/>
      <c r="B43" s="231"/>
      <c r="C43" s="82"/>
      <c r="D43" s="83" t="s">
        <v>67</v>
      </c>
    </row>
    <row r="44" spans="1:5" ht="14.25" customHeight="1" x14ac:dyDescent="0.2">
      <c r="A44" s="226" t="s">
        <v>85</v>
      </c>
      <c r="B44" s="229"/>
      <c r="C44" s="86"/>
      <c r="D44" s="83" t="s">
        <v>453</v>
      </c>
      <c r="E44" s="27"/>
    </row>
    <row r="45" spans="1:5" ht="14.4" x14ac:dyDescent="0.2">
      <c r="A45" s="228"/>
      <c r="B45" s="231"/>
      <c r="C45" s="86"/>
      <c r="D45" s="83" t="s">
        <v>67</v>
      </c>
      <c r="E45" s="27"/>
    </row>
    <row r="46" spans="1:5" ht="14.4" x14ac:dyDescent="0.2">
      <c r="A46" s="226" t="s">
        <v>394</v>
      </c>
      <c r="B46" s="229"/>
      <c r="C46" s="86"/>
      <c r="D46" s="93" t="s">
        <v>211</v>
      </c>
    </row>
    <row r="47" spans="1:5" ht="15" customHeight="1" x14ac:dyDescent="0.2">
      <c r="A47" s="227"/>
      <c r="B47" s="230"/>
      <c r="C47" s="86"/>
      <c r="D47" s="83" t="s">
        <v>86</v>
      </c>
    </row>
    <row r="48" spans="1:5" ht="14.25" customHeight="1" x14ac:dyDescent="0.2">
      <c r="A48" s="227"/>
      <c r="B48" s="230"/>
      <c r="C48" s="86"/>
      <c r="D48" s="83" t="s">
        <v>212</v>
      </c>
    </row>
    <row r="49" spans="1:4" ht="14.4" x14ac:dyDescent="0.2">
      <c r="A49" s="227"/>
      <c r="B49" s="230"/>
      <c r="C49" s="86"/>
      <c r="D49" s="83" t="s">
        <v>84</v>
      </c>
    </row>
    <row r="50" spans="1:4" ht="14.4" x14ac:dyDescent="0.2">
      <c r="A50" s="227"/>
      <c r="B50" s="230"/>
      <c r="C50" s="86"/>
      <c r="D50" s="83" t="s">
        <v>155</v>
      </c>
    </row>
    <row r="51" spans="1:4" ht="14.4" x14ac:dyDescent="0.2">
      <c r="A51" s="227"/>
      <c r="B51" s="230"/>
      <c r="C51" s="86"/>
      <c r="D51" s="83" t="s">
        <v>213</v>
      </c>
    </row>
    <row r="52" spans="1:4" ht="15" thickBot="1" x14ac:dyDescent="0.25">
      <c r="A52" s="242"/>
      <c r="B52" s="234"/>
      <c r="C52" s="90"/>
      <c r="D52" s="85" t="s">
        <v>67</v>
      </c>
    </row>
    <row r="53" spans="1:4" ht="15" thickBot="1" x14ac:dyDescent="0.25">
      <c r="A53" s="243" t="s">
        <v>214</v>
      </c>
      <c r="B53" s="244"/>
      <c r="C53" s="244"/>
      <c r="D53" s="245"/>
    </row>
    <row r="54" spans="1:4" ht="14.4" x14ac:dyDescent="0.2">
      <c r="A54" s="235" t="s">
        <v>87</v>
      </c>
      <c r="B54" s="246"/>
      <c r="C54" s="91"/>
      <c r="D54" s="94" t="s">
        <v>88</v>
      </c>
    </row>
    <row r="55" spans="1:4" ht="14.4" x14ac:dyDescent="0.2">
      <c r="A55" s="227"/>
      <c r="B55" s="247"/>
      <c r="C55" s="82"/>
      <c r="D55" s="95" t="s">
        <v>156</v>
      </c>
    </row>
    <row r="56" spans="1:4" ht="14.4" x14ac:dyDescent="0.2">
      <c r="A56" s="227"/>
      <c r="B56" s="247"/>
      <c r="C56" s="82"/>
      <c r="D56" s="95" t="s">
        <v>89</v>
      </c>
    </row>
    <row r="57" spans="1:4" ht="14.25" customHeight="1" x14ac:dyDescent="0.2">
      <c r="A57" s="227"/>
      <c r="B57" s="247"/>
      <c r="C57" s="82"/>
      <c r="D57" s="95" t="s">
        <v>90</v>
      </c>
    </row>
    <row r="58" spans="1:4" ht="14.4" x14ac:dyDescent="0.2">
      <c r="A58" s="227"/>
      <c r="B58" s="247"/>
      <c r="C58" s="82"/>
      <c r="D58" s="95" t="s">
        <v>91</v>
      </c>
    </row>
    <row r="59" spans="1:4" ht="14.4" x14ac:dyDescent="0.2">
      <c r="A59" s="227"/>
      <c r="B59" s="247"/>
      <c r="C59" s="82"/>
      <c r="D59" s="95" t="s">
        <v>157</v>
      </c>
    </row>
    <row r="60" spans="1:4" ht="14.25" customHeight="1" x14ac:dyDescent="0.2">
      <c r="A60" s="227"/>
      <c r="B60" s="247"/>
      <c r="C60" s="82"/>
      <c r="D60" s="96" t="s">
        <v>92</v>
      </c>
    </row>
    <row r="61" spans="1:4" ht="14.4" x14ac:dyDescent="0.2">
      <c r="A61" s="227"/>
      <c r="B61" s="247"/>
      <c r="C61" s="82"/>
      <c r="D61" s="95" t="s">
        <v>93</v>
      </c>
    </row>
    <row r="62" spans="1:4" ht="14.4" x14ac:dyDescent="0.2">
      <c r="A62" s="228"/>
      <c r="B62" s="248"/>
      <c r="C62" s="82"/>
      <c r="D62" s="83" t="s">
        <v>67</v>
      </c>
    </row>
    <row r="63" spans="1:4" ht="14.4" x14ac:dyDescent="0.2">
      <c r="A63" s="227" t="s">
        <v>94</v>
      </c>
      <c r="B63" s="230"/>
      <c r="C63" s="82"/>
      <c r="D63" s="95" t="s">
        <v>158</v>
      </c>
    </row>
    <row r="64" spans="1:4" ht="36" customHeight="1" x14ac:dyDescent="0.2">
      <c r="A64" s="227"/>
      <c r="B64" s="230"/>
      <c r="C64" s="97"/>
      <c r="D64" s="98" t="s">
        <v>215</v>
      </c>
    </row>
    <row r="65" spans="1:10" ht="14.4" x14ac:dyDescent="0.2">
      <c r="A65" s="227"/>
      <c r="B65" s="230"/>
      <c r="C65" s="97"/>
      <c r="D65" s="98" t="s">
        <v>338</v>
      </c>
    </row>
    <row r="66" spans="1:10" ht="18" customHeight="1" thickBot="1" x14ac:dyDescent="0.25">
      <c r="A66" s="227"/>
      <c r="B66" s="230"/>
      <c r="C66" s="97"/>
      <c r="D66" s="89" t="s">
        <v>67</v>
      </c>
    </row>
    <row r="67" spans="1:10" ht="15" thickBot="1" x14ac:dyDescent="0.25">
      <c r="A67" s="249" t="s">
        <v>454</v>
      </c>
      <c r="B67" s="250"/>
      <c r="C67" s="250"/>
      <c r="D67" s="251"/>
    </row>
    <row r="68" spans="1:10" ht="14.25" customHeight="1" x14ac:dyDescent="0.2">
      <c r="A68" s="227" t="s">
        <v>95</v>
      </c>
      <c r="B68" s="231"/>
      <c r="C68" s="99"/>
      <c r="D68" s="81" t="s">
        <v>159</v>
      </c>
    </row>
    <row r="69" spans="1:10" ht="14.25" customHeight="1" x14ac:dyDescent="0.2">
      <c r="A69" s="227"/>
      <c r="B69" s="240"/>
      <c r="C69" s="86"/>
      <c r="D69" s="83" t="s">
        <v>96</v>
      </c>
    </row>
    <row r="70" spans="1:10" ht="36" x14ac:dyDescent="0.2">
      <c r="A70" s="227"/>
      <c r="B70" s="240"/>
      <c r="C70" s="86"/>
      <c r="D70" s="83" t="s">
        <v>97</v>
      </c>
      <c r="F70" s="38"/>
      <c r="G70" s="38"/>
      <c r="H70" s="38"/>
      <c r="I70" s="38"/>
      <c r="J70" s="38"/>
    </row>
    <row r="71" spans="1:10" ht="14.4" x14ac:dyDescent="0.2">
      <c r="A71" s="228"/>
      <c r="B71" s="240"/>
      <c r="C71" s="86"/>
      <c r="D71" s="83" t="s">
        <v>67</v>
      </c>
      <c r="F71" s="38"/>
      <c r="G71" s="38"/>
      <c r="H71" s="38"/>
      <c r="I71" s="38"/>
      <c r="J71" s="38"/>
    </row>
    <row r="72" spans="1:10" ht="24" x14ac:dyDescent="0.2">
      <c r="A72" s="226" t="s">
        <v>98</v>
      </c>
      <c r="B72" s="229"/>
      <c r="C72" s="82"/>
      <c r="D72" s="83" t="s">
        <v>99</v>
      </c>
      <c r="F72" s="38"/>
      <c r="G72" s="38"/>
      <c r="H72" s="38"/>
      <c r="I72" s="38"/>
      <c r="J72" s="38"/>
    </row>
    <row r="73" spans="1:10" ht="14.4" x14ac:dyDescent="0.2">
      <c r="A73" s="227"/>
      <c r="B73" s="230"/>
      <c r="C73" s="97"/>
      <c r="D73" s="89" t="s">
        <v>67</v>
      </c>
      <c r="F73" s="38"/>
      <c r="G73" s="38"/>
      <c r="H73" s="38"/>
      <c r="I73" s="38"/>
      <c r="J73" s="38"/>
    </row>
    <row r="74" spans="1:10" ht="14.4" x14ac:dyDescent="0.2">
      <c r="A74" s="226" t="s">
        <v>420</v>
      </c>
      <c r="B74" s="229"/>
      <c r="C74" s="138"/>
      <c r="D74" s="95" t="s">
        <v>160</v>
      </c>
      <c r="F74" s="38"/>
      <c r="G74" s="241"/>
      <c r="H74" s="241"/>
      <c r="I74" s="241"/>
      <c r="J74" s="241"/>
    </row>
    <row r="75" spans="1:10" ht="14.4" x14ac:dyDescent="0.2">
      <c r="A75" s="228"/>
      <c r="B75" s="231"/>
      <c r="C75" s="82"/>
      <c r="D75" s="81" t="s">
        <v>67</v>
      </c>
      <c r="F75" s="38"/>
      <c r="G75" s="241"/>
      <c r="H75" s="241"/>
      <c r="I75" s="241"/>
      <c r="J75" s="241"/>
    </row>
    <row r="76" spans="1:10" ht="14.4" x14ac:dyDescent="0.2">
      <c r="A76" s="226" t="s">
        <v>421</v>
      </c>
      <c r="B76" s="229"/>
      <c r="C76" s="82"/>
      <c r="D76" s="95" t="s">
        <v>100</v>
      </c>
      <c r="F76" s="38"/>
      <c r="G76" s="241"/>
      <c r="H76" s="241"/>
      <c r="I76" s="241"/>
      <c r="J76" s="241"/>
    </row>
    <row r="77" spans="1:10" ht="14.4" x14ac:dyDescent="0.2">
      <c r="A77" s="227"/>
      <c r="B77" s="230"/>
      <c r="C77" s="82"/>
      <c r="D77" s="95" t="s">
        <v>216</v>
      </c>
      <c r="F77" s="38"/>
      <c r="G77" s="241"/>
      <c r="H77" s="241"/>
      <c r="I77" s="241"/>
      <c r="J77" s="241"/>
    </row>
    <row r="78" spans="1:10" ht="14.4" x14ac:dyDescent="0.2">
      <c r="A78" s="227"/>
      <c r="B78" s="230"/>
      <c r="C78" s="82"/>
      <c r="D78" s="95" t="s">
        <v>161</v>
      </c>
      <c r="F78" s="38"/>
      <c r="G78" s="241"/>
      <c r="H78" s="241"/>
      <c r="I78" s="241"/>
      <c r="J78" s="241"/>
    </row>
    <row r="79" spans="1:10" ht="14.4" x14ac:dyDescent="0.2">
      <c r="A79" s="228"/>
      <c r="B79" s="231"/>
      <c r="C79" s="82"/>
      <c r="D79" s="83" t="s">
        <v>67</v>
      </c>
      <c r="F79" s="38"/>
      <c r="G79" s="241"/>
      <c r="H79" s="241"/>
      <c r="I79" s="241"/>
      <c r="J79" s="241"/>
    </row>
    <row r="80" spans="1:10" ht="14.4" x14ac:dyDescent="0.2">
      <c r="A80" s="227" t="s">
        <v>422</v>
      </c>
      <c r="B80" s="230"/>
      <c r="C80" s="82"/>
      <c r="D80" s="95" t="s">
        <v>101</v>
      </c>
      <c r="F80" s="38"/>
      <c r="G80" s="241"/>
      <c r="H80" s="241"/>
      <c r="I80" s="241"/>
      <c r="J80" s="241"/>
    </row>
    <row r="81" spans="1:10" ht="14.4" x14ac:dyDescent="0.2">
      <c r="A81" s="227"/>
      <c r="B81" s="230"/>
      <c r="C81" s="82"/>
      <c r="D81" s="95" t="s">
        <v>102</v>
      </c>
      <c r="F81" s="38"/>
      <c r="G81" s="241"/>
      <c r="H81" s="241"/>
      <c r="I81" s="241"/>
      <c r="J81" s="241"/>
    </row>
    <row r="82" spans="1:10" ht="14.4" x14ac:dyDescent="0.2">
      <c r="A82" s="227"/>
      <c r="B82" s="230"/>
      <c r="C82" s="82"/>
      <c r="D82" s="95" t="s">
        <v>103</v>
      </c>
      <c r="F82" s="38"/>
      <c r="G82" s="241"/>
      <c r="H82" s="241"/>
      <c r="I82" s="241"/>
      <c r="J82" s="241"/>
    </row>
    <row r="83" spans="1:10" ht="18" customHeight="1" x14ac:dyDescent="0.2">
      <c r="A83" s="227"/>
      <c r="B83" s="230"/>
      <c r="C83" s="82"/>
      <c r="D83" s="95" t="s">
        <v>339</v>
      </c>
      <c r="F83" s="38"/>
      <c r="G83" s="241"/>
      <c r="H83" s="241"/>
      <c r="I83" s="241"/>
      <c r="J83" s="241"/>
    </row>
    <row r="84" spans="1:10" ht="14.4" x14ac:dyDescent="0.2">
      <c r="A84" s="228"/>
      <c r="B84" s="231"/>
      <c r="C84" s="82"/>
      <c r="D84" s="83" t="s">
        <v>67</v>
      </c>
      <c r="F84" s="38"/>
      <c r="G84" s="241"/>
      <c r="H84" s="241"/>
      <c r="I84" s="241"/>
      <c r="J84" s="241"/>
    </row>
    <row r="85" spans="1:10" ht="14.4" x14ac:dyDescent="0.2">
      <c r="A85" s="226" t="s">
        <v>423</v>
      </c>
      <c r="B85" s="229"/>
      <c r="C85" s="82"/>
      <c r="D85" s="95" t="s">
        <v>104</v>
      </c>
      <c r="F85" s="38"/>
      <c r="G85" s="241"/>
      <c r="H85" s="241"/>
      <c r="I85" s="241"/>
      <c r="J85" s="241"/>
    </row>
    <row r="86" spans="1:10" ht="14.4" x14ac:dyDescent="0.2">
      <c r="A86" s="227"/>
      <c r="B86" s="230"/>
      <c r="C86" s="97"/>
      <c r="D86" s="98" t="s">
        <v>340</v>
      </c>
      <c r="F86" s="38"/>
      <c r="G86" s="100"/>
      <c r="H86" s="100"/>
      <c r="I86" s="100"/>
      <c r="J86" s="100"/>
    </row>
    <row r="87" spans="1:10" ht="14.25" customHeight="1" thickBot="1" x14ac:dyDescent="0.25">
      <c r="A87" s="242"/>
      <c r="B87" s="234"/>
      <c r="C87" s="84"/>
      <c r="D87" s="85" t="s">
        <v>67</v>
      </c>
      <c r="F87" s="38"/>
      <c r="G87" s="100"/>
      <c r="H87" s="100"/>
      <c r="I87" s="100"/>
      <c r="J87" s="100"/>
    </row>
    <row r="88" spans="1:10" ht="15" thickBot="1" x14ac:dyDescent="0.25">
      <c r="A88" s="243" t="s">
        <v>424</v>
      </c>
      <c r="B88" s="244"/>
      <c r="C88" s="244"/>
      <c r="D88" s="245"/>
      <c r="F88" s="38"/>
      <c r="G88" s="38"/>
      <c r="H88" s="38"/>
      <c r="I88" s="38"/>
      <c r="J88" s="38"/>
    </row>
    <row r="89" spans="1:10" ht="14.4" x14ac:dyDescent="0.2">
      <c r="A89" s="227" t="s">
        <v>105</v>
      </c>
      <c r="B89" s="230"/>
      <c r="C89" s="80"/>
      <c r="D89" s="101" t="s">
        <v>106</v>
      </c>
      <c r="F89" s="38"/>
      <c r="G89" s="38"/>
      <c r="H89" s="38"/>
      <c r="I89" s="38"/>
      <c r="J89" s="38"/>
    </row>
    <row r="90" spans="1:10" ht="15" customHeight="1" x14ac:dyDescent="0.2">
      <c r="A90" s="227"/>
      <c r="B90" s="230"/>
      <c r="C90" s="82"/>
      <c r="D90" s="95" t="s">
        <v>107</v>
      </c>
      <c r="F90" s="38"/>
      <c r="G90" s="38"/>
      <c r="H90" s="38"/>
      <c r="I90" s="38"/>
      <c r="J90" s="38"/>
    </row>
    <row r="91" spans="1:10" ht="14.4" x14ac:dyDescent="0.2">
      <c r="A91" s="228"/>
      <c r="B91" s="231"/>
      <c r="C91" s="82"/>
      <c r="D91" s="83" t="s">
        <v>67</v>
      </c>
      <c r="F91" s="38"/>
      <c r="G91" s="38"/>
      <c r="H91" s="38"/>
      <c r="I91" s="38"/>
      <c r="J91" s="38"/>
    </row>
    <row r="92" spans="1:10" ht="14.4" x14ac:dyDescent="0.2">
      <c r="A92" s="226" t="s">
        <v>506</v>
      </c>
      <c r="B92" s="229"/>
      <c r="C92" s="86"/>
      <c r="D92" s="95" t="s">
        <v>108</v>
      </c>
      <c r="F92" s="38"/>
      <c r="G92" s="38"/>
      <c r="H92" s="38"/>
      <c r="I92" s="38"/>
      <c r="J92" s="38"/>
    </row>
    <row r="93" spans="1:10" ht="15" customHeight="1" x14ac:dyDescent="0.2">
      <c r="A93" s="227"/>
      <c r="B93" s="230"/>
      <c r="C93" s="86"/>
      <c r="D93" s="95" t="s">
        <v>109</v>
      </c>
      <c r="F93" s="38"/>
      <c r="G93" s="38"/>
      <c r="H93" s="38"/>
      <c r="I93" s="38"/>
      <c r="J93" s="38"/>
    </row>
    <row r="94" spans="1:10" ht="14.4" x14ac:dyDescent="0.2">
      <c r="A94" s="227"/>
      <c r="B94" s="230"/>
      <c r="C94" s="86"/>
      <c r="D94" s="95" t="s">
        <v>217</v>
      </c>
      <c r="F94" s="38"/>
      <c r="G94" s="38"/>
      <c r="H94" s="38"/>
      <c r="I94" s="38"/>
      <c r="J94" s="38"/>
    </row>
    <row r="95" spans="1:10" ht="14.4" x14ac:dyDescent="0.2">
      <c r="A95" s="228"/>
      <c r="B95" s="231"/>
      <c r="C95" s="86"/>
      <c r="D95" s="83" t="s">
        <v>67</v>
      </c>
      <c r="F95" s="38"/>
      <c r="G95" s="38"/>
      <c r="H95" s="38"/>
      <c r="I95" s="38"/>
      <c r="J95" s="38"/>
    </row>
    <row r="96" spans="1:10" ht="14.4" x14ac:dyDescent="0.2">
      <c r="A96" s="226" t="s">
        <v>110</v>
      </c>
      <c r="B96" s="229"/>
      <c r="C96" s="86"/>
      <c r="D96" s="98" t="s">
        <v>111</v>
      </c>
      <c r="F96" s="38"/>
      <c r="G96" s="38"/>
      <c r="H96" s="38"/>
      <c r="I96" s="38"/>
      <c r="J96" s="38"/>
    </row>
    <row r="97" spans="1:10" ht="14.4" x14ac:dyDescent="0.2">
      <c r="A97" s="227"/>
      <c r="B97" s="230"/>
      <c r="C97" s="88"/>
      <c r="D97" s="98" t="s">
        <v>340</v>
      </c>
      <c r="F97" s="38"/>
      <c r="G97" s="38"/>
      <c r="H97" s="38"/>
      <c r="I97" s="38"/>
      <c r="J97" s="38"/>
    </row>
    <row r="98" spans="1:10" ht="15" thickBot="1" x14ac:dyDescent="0.25">
      <c r="A98" s="242"/>
      <c r="B98" s="234"/>
      <c r="C98" s="90"/>
      <c r="D98" s="85" t="s">
        <v>67</v>
      </c>
      <c r="F98" s="38"/>
      <c r="G98" s="38"/>
      <c r="H98" s="38"/>
      <c r="I98" s="38"/>
      <c r="J98" s="38"/>
    </row>
    <row r="99" spans="1:10" ht="14.25" customHeight="1" thickBot="1" x14ac:dyDescent="0.25">
      <c r="A99" s="243" t="s">
        <v>430</v>
      </c>
      <c r="B99" s="244"/>
      <c r="C99" s="244"/>
      <c r="D99" s="245"/>
      <c r="F99" s="38"/>
      <c r="G99" s="38"/>
      <c r="H99" s="38"/>
      <c r="I99" s="38"/>
      <c r="J99" s="38"/>
    </row>
    <row r="100" spans="1:10" ht="14.4" x14ac:dyDescent="0.2">
      <c r="A100" s="235" t="s">
        <v>112</v>
      </c>
      <c r="B100" s="236"/>
      <c r="C100" s="91"/>
      <c r="D100" s="94" t="s">
        <v>218</v>
      </c>
      <c r="E100" s="102"/>
      <c r="F100" s="102"/>
      <c r="G100" s="102"/>
      <c r="H100" s="102"/>
    </row>
    <row r="101" spans="1:10" ht="14.4" x14ac:dyDescent="0.2">
      <c r="A101" s="227"/>
      <c r="B101" s="230"/>
      <c r="C101" s="82"/>
      <c r="D101" s="95" t="s">
        <v>219</v>
      </c>
      <c r="E101" s="102"/>
      <c r="G101" s="102"/>
      <c r="H101" s="102"/>
    </row>
    <row r="102" spans="1:10" ht="14.25" customHeight="1" x14ac:dyDescent="0.2">
      <c r="A102" s="228"/>
      <c r="B102" s="231"/>
      <c r="C102" s="97"/>
      <c r="D102" s="89" t="s">
        <v>67</v>
      </c>
      <c r="E102" s="102"/>
      <c r="F102" s="102"/>
      <c r="G102" s="102"/>
      <c r="H102" s="102"/>
    </row>
    <row r="103" spans="1:10" ht="24" customHeight="1" x14ac:dyDescent="0.2">
      <c r="A103" s="226" t="s">
        <v>113</v>
      </c>
      <c r="B103" s="230"/>
      <c r="C103" s="82"/>
      <c r="D103" s="95" t="s">
        <v>220</v>
      </c>
      <c r="E103" s="102"/>
      <c r="F103" s="102"/>
      <c r="G103" s="102"/>
      <c r="H103" s="102"/>
    </row>
    <row r="104" spans="1:10" ht="14.4" x14ac:dyDescent="0.2">
      <c r="A104" s="227"/>
      <c r="B104" s="230"/>
      <c r="C104" s="82"/>
      <c r="D104" s="95" t="s">
        <v>221</v>
      </c>
      <c r="E104" s="102"/>
      <c r="F104" s="102"/>
      <c r="G104" s="102"/>
      <c r="H104" s="102"/>
    </row>
    <row r="105" spans="1:10" ht="14.25" customHeight="1" x14ac:dyDescent="0.2">
      <c r="A105" s="228"/>
      <c r="B105" s="231"/>
      <c r="C105" s="82"/>
      <c r="D105" s="83" t="s">
        <v>67</v>
      </c>
      <c r="E105" s="102"/>
      <c r="F105" s="102"/>
      <c r="G105" s="102"/>
      <c r="H105" s="102"/>
    </row>
    <row r="106" spans="1:10" ht="14.4" x14ac:dyDescent="0.2">
      <c r="A106" s="226" t="s">
        <v>114</v>
      </c>
      <c r="B106" s="229"/>
      <c r="C106" s="82"/>
      <c r="D106" s="95" t="s">
        <v>162</v>
      </c>
      <c r="E106" s="102"/>
      <c r="F106" s="102"/>
      <c r="G106" s="102"/>
      <c r="H106" s="102"/>
    </row>
    <row r="107" spans="1:10" ht="14.25" customHeight="1" x14ac:dyDescent="0.2">
      <c r="A107" s="227"/>
      <c r="B107" s="230"/>
      <c r="C107" s="82"/>
      <c r="D107" s="95" t="s">
        <v>222</v>
      </c>
      <c r="E107" s="102"/>
      <c r="F107" s="102"/>
      <c r="G107" s="102"/>
      <c r="H107" s="102"/>
    </row>
    <row r="108" spans="1:10" ht="14.4" x14ac:dyDescent="0.2">
      <c r="A108" s="228"/>
      <c r="B108" s="231"/>
      <c r="C108" s="82"/>
      <c r="D108" s="83" t="s">
        <v>67</v>
      </c>
      <c r="E108" s="102"/>
      <c r="F108" s="102"/>
      <c r="G108" s="102"/>
      <c r="H108" s="102"/>
    </row>
    <row r="109" spans="1:10" ht="14.4" x14ac:dyDescent="0.2">
      <c r="A109" s="226" t="s">
        <v>115</v>
      </c>
      <c r="B109" s="229"/>
      <c r="C109" s="86"/>
      <c r="D109" s="95" t="s">
        <v>292</v>
      </c>
      <c r="E109" s="102"/>
      <c r="F109" s="102"/>
      <c r="G109" s="102"/>
      <c r="H109" s="102"/>
    </row>
    <row r="110" spans="1:10" ht="14.4" x14ac:dyDescent="0.2">
      <c r="A110" s="227"/>
      <c r="B110" s="230"/>
      <c r="C110" s="86"/>
      <c r="D110" s="95" t="s">
        <v>223</v>
      </c>
      <c r="E110" s="102"/>
      <c r="F110" s="102"/>
      <c r="G110" s="102"/>
      <c r="H110" s="102"/>
    </row>
    <row r="111" spans="1:10" ht="14.25" customHeight="1" x14ac:dyDescent="0.2">
      <c r="A111" s="228"/>
      <c r="B111" s="231"/>
      <c r="C111" s="86"/>
      <c r="D111" s="83" t="s">
        <v>67</v>
      </c>
      <c r="E111" s="102"/>
      <c r="F111" s="102"/>
      <c r="G111" s="102"/>
      <c r="H111" s="102"/>
    </row>
    <row r="112" spans="1:10" ht="14.4" x14ac:dyDescent="0.2">
      <c r="A112" s="226" t="s">
        <v>499</v>
      </c>
      <c r="B112" s="229"/>
      <c r="C112" s="86"/>
      <c r="D112" s="95" t="s">
        <v>224</v>
      </c>
      <c r="E112" s="102"/>
      <c r="F112" s="102"/>
      <c r="G112" s="102"/>
      <c r="H112" s="102"/>
    </row>
    <row r="113" spans="1:8" ht="14.4" x14ac:dyDescent="0.2">
      <c r="A113" s="227"/>
      <c r="B113" s="230"/>
      <c r="C113" s="86"/>
      <c r="D113" s="95" t="s">
        <v>225</v>
      </c>
      <c r="E113" s="102"/>
      <c r="F113" s="102"/>
      <c r="G113" s="102"/>
      <c r="H113" s="102"/>
    </row>
    <row r="114" spans="1:8" ht="14.25" customHeight="1" x14ac:dyDescent="0.2">
      <c r="A114" s="227"/>
      <c r="B114" s="230"/>
      <c r="C114" s="86"/>
      <c r="D114" s="95" t="s">
        <v>226</v>
      </c>
      <c r="E114" s="102"/>
      <c r="F114" s="102"/>
      <c r="G114" s="102"/>
      <c r="H114" s="102"/>
    </row>
    <row r="115" spans="1:8" ht="14.4" x14ac:dyDescent="0.2">
      <c r="A115" s="228"/>
      <c r="B115" s="231"/>
      <c r="C115" s="86"/>
      <c r="D115" s="83" t="s">
        <v>67</v>
      </c>
      <c r="E115" s="102"/>
      <c r="F115" s="102"/>
      <c r="G115" s="102"/>
      <c r="H115" s="102"/>
    </row>
    <row r="116" spans="1:8" ht="14.25" customHeight="1" x14ac:dyDescent="0.2">
      <c r="A116" s="237" t="s">
        <v>425</v>
      </c>
      <c r="B116" s="229"/>
      <c r="C116" s="82"/>
      <c r="D116" s="95" t="s">
        <v>227</v>
      </c>
      <c r="E116" s="102"/>
      <c r="F116" s="102"/>
      <c r="G116" s="102"/>
      <c r="H116" s="102"/>
    </row>
    <row r="117" spans="1:8" ht="14.4" x14ac:dyDescent="0.2">
      <c r="A117" s="238"/>
      <c r="B117" s="231"/>
      <c r="C117" s="82"/>
      <c r="D117" s="83" t="s">
        <v>67</v>
      </c>
      <c r="E117" s="102"/>
      <c r="F117" s="102"/>
      <c r="G117" s="102"/>
      <c r="H117" s="102"/>
    </row>
    <row r="118" spans="1:8" ht="14.4" x14ac:dyDescent="0.2">
      <c r="A118" s="226" t="s">
        <v>426</v>
      </c>
      <c r="B118" s="229"/>
      <c r="C118" s="86"/>
      <c r="D118" s="95" t="s">
        <v>228</v>
      </c>
      <c r="E118" s="102"/>
      <c r="F118" s="102"/>
      <c r="G118" s="102"/>
      <c r="H118" s="102"/>
    </row>
    <row r="119" spans="1:8" ht="14.4" x14ac:dyDescent="0.2">
      <c r="A119" s="227"/>
      <c r="B119" s="230"/>
      <c r="C119" s="86"/>
      <c r="D119" s="95" t="s">
        <v>229</v>
      </c>
      <c r="E119" s="102"/>
      <c r="F119" s="102"/>
      <c r="G119" s="102"/>
      <c r="H119" s="102"/>
    </row>
    <row r="120" spans="1:8" ht="14.25" customHeight="1" x14ac:dyDescent="0.2">
      <c r="A120" s="228"/>
      <c r="B120" s="231"/>
      <c r="C120" s="86"/>
      <c r="D120" s="83" t="s">
        <v>67</v>
      </c>
      <c r="E120" s="102"/>
      <c r="F120" s="102"/>
      <c r="G120" s="102"/>
      <c r="H120" s="102"/>
    </row>
    <row r="121" spans="1:8" ht="14.4" x14ac:dyDescent="0.2">
      <c r="A121" s="226" t="s">
        <v>427</v>
      </c>
      <c r="B121" s="229"/>
      <c r="C121" s="82"/>
      <c r="D121" s="95" t="s">
        <v>230</v>
      </c>
      <c r="E121" s="102"/>
      <c r="F121" s="102"/>
      <c r="G121" s="102"/>
      <c r="H121" s="102"/>
    </row>
    <row r="122" spans="1:8" ht="14.4" x14ac:dyDescent="0.2">
      <c r="A122" s="228"/>
      <c r="B122" s="231"/>
      <c r="C122" s="82"/>
      <c r="D122" s="83" t="s">
        <v>67</v>
      </c>
      <c r="E122" s="102"/>
      <c r="F122" s="102"/>
      <c r="G122" s="102"/>
      <c r="H122" s="102"/>
    </row>
    <row r="123" spans="1:8" ht="14.4" x14ac:dyDescent="0.2">
      <c r="A123" s="239" t="s">
        <v>428</v>
      </c>
      <c r="B123" s="240"/>
      <c r="C123" s="86"/>
      <c r="D123" s="95" t="s">
        <v>163</v>
      </c>
      <c r="E123" s="102"/>
      <c r="F123" s="102"/>
      <c r="G123" s="102"/>
      <c r="H123" s="102"/>
    </row>
    <row r="124" spans="1:8" ht="14.4" x14ac:dyDescent="0.2">
      <c r="A124" s="239"/>
      <c r="B124" s="240"/>
      <c r="C124" s="82"/>
      <c r="D124" s="103" t="s">
        <v>231</v>
      </c>
      <c r="E124" s="102"/>
      <c r="F124" s="102"/>
      <c r="G124" s="102"/>
      <c r="H124" s="102"/>
    </row>
    <row r="125" spans="1:8" ht="14.4" x14ac:dyDescent="0.2">
      <c r="A125" s="239"/>
      <c r="B125" s="240"/>
      <c r="C125" s="82"/>
      <c r="D125" s="95" t="s">
        <v>232</v>
      </c>
      <c r="E125" s="104"/>
      <c r="F125" s="104"/>
      <c r="G125" s="104"/>
      <c r="H125" s="104"/>
    </row>
    <row r="126" spans="1:8" ht="14.4" x14ac:dyDescent="0.2">
      <c r="A126" s="239"/>
      <c r="B126" s="240"/>
      <c r="C126" s="82"/>
      <c r="D126" s="83" t="s">
        <v>67</v>
      </c>
      <c r="E126" s="104"/>
      <c r="F126" s="104"/>
      <c r="G126" s="104"/>
      <c r="H126" s="104"/>
    </row>
    <row r="127" spans="1:8" ht="14.4" x14ac:dyDescent="0.2">
      <c r="A127" s="226" t="s">
        <v>429</v>
      </c>
      <c r="B127" s="229"/>
      <c r="C127" s="82"/>
      <c r="D127" s="83" t="s">
        <v>341</v>
      </c>
      <c r="E127" s="104"/>
      <c r="F127" s="104"/>
      <c r="G127" s="104"/>
      <c r="H127" s="104"/>
    </row>
    <row r="128" spans="1:8" ht="14.4" x14ac:dyDescent="0.2">
      <c r="A128" s="232"/>
      <c r="B128" s="230"/>
      <c r="C128" s="82"/>
      <c r="D128" s="83" t="s">
        <v>342</v>
      </c>
      <c r="E128" s="104"/>
      <c r="F128" s="104"/>
      <c r="G128" s="104"/>
      <c r="H128" s="104"/>
    </row>
    <row r="129" spans="1:8" ht="15" thickBot="1" x14ac:dyDescent="0.25">
      <c r="A129" s="233"/>
      <c r="B129" s="234"/>
      <c r="C129" s="84"/>
      <c r="D129" s="85" t="s">
        <v>67</v>
      </c>
      <c r="E129" s="104"/>
      <c r="F129" s="104"/>
      <c r="G129" s="104"/>
      <c r="H129" s="104"/>
    </row>
    <row r="130" spans="1:8" ht="14.4" x14ac:dyDescent="0.2">
      <c r="A130" s="105" t="s">
        <v>116</v>
      </c>
      <c r="B130" s="106">
        <f>SUM(B6:B129)</f>
        <v>0</v>
      </c>
      <c r="C130" s="107"/>
    </row>
  </sheetData>
  <mergeCells count="72">
    <mergeCell ref="A46:A52"/>
    <mergeCell ref="B46:B52"/>
    <mergeCell ref="A7:A14"/>
    <mergeCell ref="B7:B14"/>
    <mergeCell ref="A1:D1"/>
    <mergeCell ref="B2:D2"/>
    <mergeCell ref="B3:D3"/>
    <mergeCell ref="A4:D4"/>
    <mergeCell ref="A6:D6"/>
    <mergeCell ref="B44:B45"/>
    <mergeCell ref="A34:D34"/>
    <mergeCell ref="A35:A43"/>
    <mergeCell ref="B35:B43"/>
    <mergeCell ref="A24:A26"/>
    <mergeCell ref="B24:B26"/>
    <mergeCell ref="A27:A30"/>
    <mergeCell ref="A67:D67"/>
    <mergeCell ref="A68:A71"/>
    <mergeCell ref="B68:B71"/>
    <mergeCell ref="A72:A73"/>
    <mergeCell ref="B72:B73"/>
    <mergeCell ref="B106:B108"/>
    <mergeCell ref="A92:A95"/>
    <mergeCell ref="B92:B95"/>
    <mergeCell ref="A96:A98"/>
    <mergeCell ref="B96:B98"/>
    <mergeCell ref="A99:D99"/>
    <mergeCell ref="B27:B30"/>
    <mergeCell ref="A31:A33"/>
    <mergeCell ref="B31:B33"/>
    <mergeCell ref="A15:A17"/>
    <mergeCell ref="B15:B17"/>
    <mergeCell ref="A18:D18"/>
    <mergeCell ref="A19:A23"/>
    <mergeCell ref="B19:B23"/>
    <mergeCell ref="A53:D53"/>
    <mergeCell ref="A54:A62"/>
    <mergeCell ref="B54:B62"/>
    <mergeCell ref="A63:A66"/>
    <mergeCell ref="B63:B66"/>
    <mergeCell ref="B123:B126"/>
    <mergeCell ref="A109:A111"/>
    <mergeCell ref="B109:B111"/>
    <mergeCell ref="G74:J85"/>
    <mergeCell ref="A74:A75"/>
    <mergeCell ref="B74:B75"/>
    <mergeCell ref="A76:A79"/>
    <mergeCell ref="B76:B79"/>
    <mergeCell ref="A80:A84"/>
    <mergeCell ref="B80:B84"/>
    <mergeCell ref="A85:A87"/>
    <mergeCell ref="B85:B87"/>
    <mergeCell ref="A88:D88"/>
    <mergeCell ref="A89:A91"/>
    <mergeCell ref="B89:B91"/>
    <mergeCell ref="A106:A108"/>
    <mergeCell ref="A112:A115"/>
    <mergeCell ref="B112:B115"/>
    <mergeCell ref="A44:A45"/>
    <mergeCell ref="A103:A105"/>
    <mergeCell ref="A127:A129"/>
    <mergeCell ref="B127:B129"/>
    <mergeCell ref="A100:A102"/>
    <mergeCell ref="B100:B102"/>
    <mergeCell ref="B103:B105"/>
    <mergeCell ref="B121:B122"/>
    <mergeCell ref="A121:A122"/>
    <mergeCell ref="A118:A120"/>
    <mergeCell ref="B118:B120"/>
    <mergeCell ref="A116:A117"/>
    <mergeCell ref="B116:B117"/>
    <mergeCell ref="A123:A126"/>
  </mergeCells>
  <phoneticPr fontId="1"/>
  <pageMargins left="0.70866141732283472" right="0.70866141732283472" top="0.74803149606299213" bottom="0.74803149606299213" header="0.31496062992125984" footer="0.31496062992125984"/>
  <pageSetup paperSize="9" scale="82" firstPageNumber="34" orientation="portrait" useFirstPageNumber="1" horizontalDpi="4294967294" r:id="rId1"/>
  <headerFooter>
    <oddFooter>&amp;C&amp;P</oddFooter>
  </headerFooter>
  <rowBreaks count="2" manualBreakCount="2">
    <brk id="52" max="3" man="1"/>
    <brk id="98" max="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10</vt:i4>
      </vt:variant>
    </vt:vector>
  </HeadingPairs>
  <TitlesOfParts>
    <vt:vector size="16" baseType="lpstr">
      <vt:lpstr>事業者指定　チェック表</vt:lpstr>
      <vt:lpstr>研修指定　チェック表</vt:lpstr>
      <vt:lpstr>開講届　チェック表</vt:lpstr>
      <vt:lpstr>指定事項変更届　チェック表</vt:lpstr>
      <vt:lpstr>実績報告書　チェック表</vt:lpstr>
      <vt:lpstr>修了評価　内容確認</vt:lpstr>
      <vt:lpstr>'開講届　チェック表'!Print_Area</vt:lpstr>
      <vt:lpstr>'研修指定　チェック表'!Print_Area</vt:lpstr>
      <vt:lpstr>'指定事項変更届　チェック表'!Print_Area</vt:lpstr>
      <vt:lpstr>'事業者指定　チェック表'!Print_Area</vt:lpstr>
      <vt:lpstr>'実績報告書　チェック表'!Print_Area</vt:lpstr>
      <vt:lpstr>'修了評価　内容確認'!Print_Area</vt:lpstr>
      <vt:lpstr>'開講届　チェック表'!Print_Titles</vt:lpstr>
      <vt:lpstr>'研修指定　チェック表'!Print_Titles</vt:lpstr>
      <vt:lpstr>'指定事項変更届　チェック表'!Print_Titles</vt:lpstr>
      <vt:lpstr>'事業者指定　チェック表'!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18-11-08T07:21:20Z</cp:lastPrinted>
  <dcterms:created xsi:type="dcterms:W3CDTF">2016-08-23T05:57:52Z</dcterms:created>
  <dcterms:modified xsi:type="dcterms:W3CDTF">2021-10-12T05:25:22Z</dcterms:modified>
</cp:coreProperties>
</file>